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2F43C0E1-B5E2-4B80-B39D-E90E509BCA30}" xr6:coauthVersionLast="36" xr6:coauthVersionMax="47" xr10:uidLastSave="{00000000-0000-0000-0000-000000000000}"/>
  <bookViews>
    <workbookView xWindow="1605" yWindow="2520" windowWidth="23670" windowHeight="12750" xr2:uid="{00000000-000D-0000-FFFF-FFFF00000000}"/>
  </bookViews>
  <sheets>
    <sheet name="ChargePlan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02" uniqueCount="82">
  <si>
    <t xml:space="preserve">昼2hﾌﾘｰﾀｲﾑ          </t>
  </si>
  <si>
    <t xml:space="preserve">昼3hﾌﾘｰﾀｲﾑ          </t>
  </si>
  <si>
    <t xml:space="preserve">昼4hﾌﾘｰﾀｲﾑ          </t>
  </si>
  <si>
    <t xml:space="preserve">昼ﾛﾝｸﾞﾌﾘｰﾀｲﾑ        </t>
  </si>
  <si>
    <t xml:space="preserve">2h20円ﾌﾘｰ           </t>
  </si>
  <si>
    <t xml:space="preserve">     </t>
  </si>
  <si>
    <t xml:space="preserve">ｿﾌﾄ飲み放題A        </t>
  </si>
  <si>
    <t xml:space="preserve">ｿﾌﾄ飲み放題         </t>
  </si>
  <si>
    <t xml:space="preserve">ｱﾙｺｰﾙ飲み放題B      </t>
  </si>
  <si>
    <t xml:space="preserve">ｱﾙｺｰﾙ飲み放題C      </t>
  </si>
  <si>
    <t xml:space="preserve">ﾌﾟﾚﾐｱﾑｺｰｽ           </t>
  </si>
  <si>
    <t xml:space="preserve">早得2hﾌﾘｰﾀｲﾑ        </t>
  </si>
  <si>
    <t xml:space="preserve">昼2hﾌﾘｰﾀｲﾑ(早割)    </t>
  </si>
  <si>
    <t xml:space="preserve">昼3hﾌﾘｰﾀｲﾑ(早割)    </t>
  </si>
  <si>
    <t xml:space="preserve">昼4hﾌﾘｰﾀｲﾑ(早割)    </t>
  </si>
  <si>
    <t xml:space="preserve">昼ﾛﾝｸﾞﾌﾘｰﾀｲﾑ(早割)  </t>
  </si>
  <si>
    <t xml:space="preserve">夜3hﾌﾘｰﾀｲﾑA         </t>
  </si>
  <si>
    <t xml:space="preserve">夜3hﾌﾘｰﾀｲﾑB         </t>
  </si>
  <si>
    <t xml:space="preserve">夜3hﾌﾘｰﾀｲﾑC         </t>
  </si>
  <si>
    <t xml:space="preserve">夜3hﾌﾟﾚﾐｱﾑｺｰｽ       </t>
  </si>
  <si>
    <t xml:space="preserve">夜ﾌﾘAｺｰｽ            </t>
  </si>
  <si>
    <t xml:space="preserve">夜ﾌﾘBｺｰｽ            </t>
  </si>
  <si>
    <t xml:space="preserve">夜ﾌﾘCｺｰｽ            </t>
  </si>
  <si>
    <t xml:space="preserve">夜ﾌﾘﾌﾟﾚﾐｱﾑｺｰｽ       </t>
  </si>
  <si>
    <t xml:space="preserve">3時以降夜ﾌﾘA        </t>
  </si>
  <si>
    <t xml:space="preserve">3時以降夜ﾌﾘB        </t>
  </si>
  <si>
    <t xml:space="preserve">3時以降夜ﾌﾘC        </t>
  </si>
  <si>
    <t xml:space="preserve">3時以降夜ﾌﾘP        </t>
  </si>
  <si>
    <t xml:space="preserve">年末昼ﾌﾘ2h          </t>
  </si>
  <si>
    <t xml:space="preserve">年末昼ﾌﾘ3h          </t>
  </si>
  <si>
    <t xml:space="preserve">年末昼ﾌﾘ4h          </t>
  </si>
  <si>
    <t xml:space="preserve">年末昼ﾛﾝｸﾞ          </t>
  </si>
  <si>
    <t xml:space="preserve">年末ｿﾌﾄ飲み放題     </t>
  </si>
  <si>
    <t xml:space="preserve">年末飲み放題C       </t>
  </si>
  <si>
    <t xml:space="preserve">年末飲み放題P       </t>
  </si>
  <si>
    <t xml:space="preserve">年末夜ﾌﾘA           </t>
  </si>
  <si>
    <t xml:space="preserve">年末夜ﾌﾘC           </t>
  </si>
  <si>
    <t xml:space="preserve">年末夜ﾌﾘP           </t>
  </si>
  <si>
    <t xml:space="preserve">年末3hｿﾌﾄ           </t>
  </si>
  <si>
    <t xml:space="preserve">年末3hBｺｰｽ          </t>
  </si>
  <si>
    <t xml:space="preserve">年末学生ｱﾙｺｰﾙ       </t>
  </si>
  <si>
    <t xml:space="preserve">半額Aｺｰｽ1h          </t>
  </si>
  <si>
    <t xml:space="preserve">半額Bｺｰｽ1h          </t>
  </si>
  <si>
    <t xml:space="preserve">半額Aｺｰｽ1h(週末)    </t>
  </si>
  <si>
    <t xml:space="preserve">半額Bｺｰｽ1h(週末)    </t>
  </si>
  <si>
    <t xml:space="preserve">半額夜ﾌﾘA           </t>
  </si>
  <si>
    <t xml:space="preserve">半額夜ﾌﾘB           </t>
  </si>
  <si>
    <t xml:space="preserve">半額夜ﾌﾘA(週末)     </t>
  </si>
  <si>
    <t xml:space="preserve">半額夜ﾌﾘB(週末)     </t>
  </si>
  <si>
    <t xml:space="preserve">超ﾛﾝｸﾞﾌﾘｰﾀｲﾑ        </t>
  </si>
  <si>
    <t xml:space="preserve">年末学生ｱﾙｺｰﾙﾌﾘｰ    </t>
  </si>
  <si>
    <t xml:space="preserve">年末2hﾌﾘｰﾀｲﾑ        </t>
  </si>
  <si>
    <t xml:space="preserve">年末3hﾌﾘｰﾀｲﾑ        </t>
  </si>
  <si>
    <t xml:space="preserve">年末4hﾌﾘｰﾀｲﾑ        </t>
  </si>
  <si>
    <t xml:space="preserve">年末5hﾌﾘｰﾀｲﾑ        </t>
  </si>
  <si>
    <t xml:space="preserve">週末超ﾛﾝｸﾞﾌﾘｰﾀｲﾑ    </t>
  </si>
  <si>
    <t>ChargeID</t>
  </si>
  <si>
    <t>Name</t>
  </si>
  <si>
    <t>StartTime1</t>
  </si>
  <si>
    <t>ChargeCode1</t>
  </si>
  <si>
    <t>StartTime2</t>
  </si>
  <si>
    <t>ChargeCode2</t>
  </si>
  <si>
    <t>StartTime3</t>
  </si>
  <si>
    <t>ChargeCode3</t>
  </si>
  <si>
    <t>StartTime4</t>
  </si>
  <si>
    <t>ChargeCode4</t>
  </si>
  <si>
    <t>StartTime5</t>
  </si>
  <si>
    <t>ChargeCode5</t>
  </si>
  <si>
    <t>ChargeGroup</t>
  </si>
  <si>
    <t>RoomGroup</t>
  </si>
  <si>
    <t>Rank</t>
  </si>
  <si>
    <t>PlanGroup</t>
  </si>
  <si>
    <t>GradeGroup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0" fontId="0" fillId="0" borderId="0" xfId="0" applyNumberFormat="1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255EA4E3-CB51-41C6-90B3-D0EF59AA3BB4}" name="テーブル1" displayName="テーブル1" ref="A1:F35" totalsRowShown="0">
  <autoFilter ref="A1:F35" xr:uid="{4567E6DB-52C7-41C1-8BCE-AD55F2B2EB9F}"/>
  <tableColumns count="6">
    <tableColumn id="1" xr3:uid="{B9587E86-9A85-46AD-AA3E-1C834B123F01}" name="ID"/>
    <tableColumn id="2" xr3:uid="{B465B956-EC1E-4FF7-B907-FB34F0785965}" name="TERMINATOR"/>
    <tableColumn id="3" xr3:uid="{7C1DF8BD-077A-4BDC-B64C-02C086FF1BF1}" name="MAX_LENGTH"/>
    <tableColumn id="4" xr3:uid="{DA65DA41-E5F1-4E3A-A955-CD9EBDEF3E7D}" name="COLLATION"/>
    <tableColumn id="5" xr3:uid="{3C896C10-ED6A-41F6-B51D-1C8541023148}" name="SOURCE"/>
    <tableColumn id="6" xr3:uid="{72B4A7F8-7837-42E9-B231-9F8E8A4E620E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80"/>
  <sheetViews>
    <sheetView tabSelected="1" topLeftCell="A7" workbookViewId="0">
      <selection activeCell="C8" sqref="C8"/>
    </sheetView>
  </sheetViews>
  <sheetFormatPr defaultRowHeight="18.75" x14ac:dyDescent="0.4"/>
  <cols>
    <col min="2" max="2" width="20.625" bestFit="1" customWidth="1"/>
  </cols>
  <sheetData>
    <row r="1" spans="1:17" x14ac:dyDescent="0.4">
      <c r="A1" s="2" t="s">
        <v>56</v>
      </c>
      <c r="B1" s="3" t="s">
        <v>57</v>
      </c>
      <c r="C1" s="2" t="s">
        <v>58</v>
      </c>
      <c r="D1" s="3" t="s">
        <v>59</v>
      </c>
      <c r="E1" s="2" t="s">
        <v>60</v>
      </c>
      <c r="F1" s="3" t="s">
        <v>61</v>
      </c>
      <c r="G1" s="2" t="s">
        <v>62</v>
      </c>
      <c r="H1" s="3" t="s">
        <v>63</v>
      </c>
      <c r="I1" s="2" t="s">
        <v>64</v>
      </c>
      <c r="J1" s="3" t="s">
        <v>65</v>
      </c>
      <c r="K1" s="2" t="s">
        <v>66</v>
      </c>
      <c r="L1" s="3" t="s">
        <v>67</v>
      </c>
      <c r="M1" s="2" t="s">
        <v>68</v>
      </c>
      <c r="N1" s="3" t="s">
        <v>69</v>
      </c>
      <c r="O1" s="2" t="s">
        <v>70</v>
      </c>
      <c r="P1" s="3" t="s">
        <v>71</v>
      </c>
      <c r="Q1" s="2" t="s">
        <v>72</v>
      </c>
    </row>
    <row r="2" spans="1:17" x14ac:dyDescent="0.4">
      <c r="A2">
        <v>1</v>
      </c>
      <c r="B2" t="s">
        <v>0</v>
      </c>
      <c r="C2" s="1">
        <v>0.375</v>
      </c>
      <c r="D2">
        <v>1</v>
      </c>
      <c r="E2" s="1">
        <v>0.5</v>
      </c>
      <c r="F2">
        <v>1</v>
      </c>
      <c r="G2" s="1">
        <v>0.79166666666666663</v>
      </c>
      <c r="H2">
        <v>1</v>
      </c>
      <c r="I2" s="1">
        <v>0</v>
      </c>
      <c r="J2">
        <v>108</v>
      </c>
      <c r="K2" s="1">
        <v>8.3333333333333329E-2</v>
      </c>
      <c r="L2">
        <v>108</v>
      </c>
      <c r="M2">
        <v>1</v>
      </c>
      <c r="N2">
        <v>1</v>
      </c>
      <c r="O2">
        <v>1</v>
      </c>
      <c r="P2">
        <v>0</v>
      </c>
      <c r="Q2">
        <v>0</v>
      </c>
    </row>
    <row r="3" spans="1:17" x14ac:dyDescent="0.4">
      <c r="A3">
        <v>2</v>
      </c>
      <c r="B3" t="s">
        <v>0</v>
      </c>
      <c r="C3" s="1">
        <v>0.375</v>
      </c>
      <c r="D3">
        <v>1</v>
      </c>
      <c r="E3" s="1">
        <v>0.5</v>
      </c>
      <c r="F3">
        <v>1</v>
      </c>
      <c r="G3" s="1">
        <v>0.79166666666666663</v>
      </c>
      <c r="H3">
        <v>1</v>
      </c>
      <c r="I3" s="1">
        <v>0</v>
      </c>
      <c r="J3">
        <v>108</v>
      </c>
      <c r="K3" s="1">
        <v>8.3333333333333329E-2</v>
      </c>
      <c r="L3">
        <v>108</v>
      </c>
      <c r="M3">
        <v>2</v>
      </c>
      <c r="N3">
        <v>1</v>
      </c>
      <c r="O3">
        <v>1</v>
      </c>
      <c r="P3">
        <v>0</v>
      </c>
      <c r="Q3">
        <v>0</v>
      </c>
    </row>
    <row r="4" spans="1:17" x14ac:dyDescent="0.4">
      <c r="A4">
        <v>3</v>
      </c>
      <c r="B4" t="s">
        <v>1</v>
      </c>
      <c r="C4" s="1">
        <v>0.375</v>
      </c>
      <c r="D4">
        <v>2</v>
      </c>
      <c r="E4" s="1">
        <v>0.5</v>
      </c>
      <c r="F4">
        <v>2</v>
      </c>
      <c r="G4" s="1">
        <v>0.79166666666666663</v>
      </c>
      <c r="H4">
        <v>2</v>
      </c>
      <c r="I4" s="1">
        <v>0</v>
      </c>
      <c r="J4">
        <v>108</v>
      </c>
      <c r="K4" s="1">
        <v>8.3333333333333329E-2</v>
      </c>
      <c r="L4">
        <v>108</v>
      </c>
      <c r="M4">
        <v>1</v>
      </c>
      <c r="N4">
        <v>1</v>
      </c>
      <c r="O4">
        <v>2</v>
      </c>
      <c r="P4">
        <v>0</v>
      </c>
      <c r="Q4">
        <v>0</v>
      </c>
    </row>
    <row r="5" spans="1:17" x14ac:dyDescent="0.4">
      <c r="A5">
        <v>4</v>
      </c>
      <c r="B5" t="s">
        <v>1</v>
      </c>
      <c r="C5" s="1">
        <v>0.375</v>
      </c>
      <c r="D5">
        <v>2</v>
      </c>
      <c r="E5" s="1">
        <v>0.5</v>
      </c>
      <c r="F5">
        <v>2</v>
      </c>
      <c r="G5" s="1">
        <v>0.79166666666666663</v>
      </c>
      <c r="H5">
        <v>2</v>
      </c>
      <c r="I5" s="1">
        <v>0</v>
      </c>
      <c r="J5">
        <v>108</v>
      </c>
      <c r="K5" s="1">
        <v>8.3333333333333329E-2</v>
      </c>
      <c r="L5">
        <v>108</v>
      </c>
      <c r="M5">
        <v>2</v>
      </c>
      <c r="N5">
        <v>1</v>
      </c>
      <c r="O5">
        <v>2</v>
      </c>
      <c r="P5">
        <v>0</v>
      </c>
      <c r="Q5">
        <v>0</v>
      </c>
    </row>
    <row r="6" spans="1:17" x14ac:dyDescent="0.4">
      <c r="A6">
        <v>5</v>
      </c>
      <c r="B6" t="s">
        <v>2</v>
      </c>
      <c r="C6" s="1">
        <v>0.375</v>
      </c>
      <c r="D6">
        <v>3</v>
      </c>
      <c r="E6" s="1">
        <v>0.5</v>
      </c>
      <c r="F6">
        <v>3</v>
      </c>
      <c r="G6" s="1">
        <v>0.79166666666666663</v>
      </c>
      <c r="H6">
        <v>3</v>
      </c>
      <c r="I6" s="1">
        <v>0</v>
      </c>
      <c r="J6">
        <v>108</v>
      </c>
      <c r="K6" s="1">
        <v>0.125</v>
      </c>
      <c r="L6">
        <v>108</v>
      </c>
      <c r="M6">
        <v>1</v>
      </c>
      <c r="N6">
        <v>1</v>
      </c>
      <c r="O6">
        <v>3</v>
      </c>
      <c r="P6">
        <v>0</v>
      </c>
      <c r="Q6">
        <v>0</v>
      </c>
    </row>
    <row r="7" spans="1:17" x14ac:dyDescent="0.4">
      <c r="A7">
        <v>6</v>
      </c>
      <c r="B7" t="s">
        <v>2</v>
      </c>
      <c r="C7" s="1">
        <v>0.375</v>
      </c>
      <c r="D7">
        <v>3</v>
      </c>
      <c r="E7" s="1">
        <v>0.5</v>
      </c>
      <c r="F7">
        <v>3</v>
      </c>
      <c r="G7" s="1">
        <v>0.79166666666666663</v>
      </c>
      <c r="H7">
        <v>3</v>
      </c>
      <c r="I7" s="1">
        <v>0</v>
      </c>
      <c r="J7">
        <v>108</v>
      </c>
      <c r="K7" s="1">
        <v>0.125</v>
      </c>
      <c r="L7">
        <v>108</v>
      </c>
      <c r="M7">
        <v>2</v>
      </c>
      <c r="N7">
        <v>1</v>
      </c>
      <c r="O7">
        <v>3</v>
      </c>
      <c r="P7">
        <v>0</v>
      </c>
      <c r="Q7">
        <v>0</v>
      </c>
    </row>
    <row r="8" spans="1:17" x14ac:dyDescent="0.4">
      <c r="A8">
        <v>7</v>
      </c>
      <c r="B8" t="s">
        <v>3</v>
      </c>
      <c r="C8" s="1">
        <v>0.375</v>
      </c>
      <c r="D8">
        <v>4</v>
      </c>
      <c r="E8" s="1">
        <v>0.5</v>
      </c>
      <c r="F8">
        <v>4</v>
      </c>
      <c r="G8" s="1">
        <v>0.625</v>
      </c>
      <c r="H8">
        <v>4</v>
      </c>
      <c r="I8" s="1">
        <v>0</v>
      </c>
      <c r="J8">
        <v>108</v>
      </c>
      <c r="K8" s="1">
        <v>0.125</v>
      </c>
      <c r="L8">
        <v>108</v>
      </c>
      <c r="M8">
        <v>1</v>
      </c>
      <c r="N8">
        <v>1</v>
      </c>
      <c r="O8">
        <v>4</v>
      </c>
      <c r="P8">
        <v>0</v>
      </c>
      <c r="Q8">
        <v>0</v>
      </c>
    </row>
    <row r="9" spans="1:17" x14ac:dyDescent="0.4">
      <c r="A9">
        <v>8</v>
      </c>
      <c r="B9" t="s">
        <v>3</v>
      </c>
      <c r="C9" s="1">
        <v>0.375</v>
      </c>
      <c r="D9">
        <v>4</v>
      </c>
      <c r="E9" s="1">
        <v>0.5</v>
      </c>
      <c r="F9">
        <v>4</v>
      </c>
      <c r="G9" s="1">
        <v>0.625</v>
      </c>
      <c r="H9">
        <v>4</v>
      </c>
      <c r="I9" s="1">
        <v>0</v>
      </c>
      <c r="J9">
        <v>108</v>
      </c>
      <c r="K9" s="1">
        <v>0.125</v>
      </c>
      <c r="L9">
        <v>108</v>
      </c>
      <c r="M9">
        <v>2</v>
      </c>
      <c r="N9">
        <v>0</v>
      </c>
      <c r="O9">
        <v>4</v>
      </c>
      <c r="P9">
        <v>0</v>
      </c>
      <c r="Q9">
        <v>0</v>
      </c>
    </row>
    <row r="10" spans="1:17" x14ac:dyDescent="0.4">
      <c r="A10">
        <v>9</v>
      </c>
      <c r="B10" t="s">
        <v>4</v>
      </c>
      <c r="C10" s="1">
        <v>0.29166666666666669</v>
      </c>
      <c r="D10">
        <v>5</v>
      </c>
      <c r="E10" s="1">
        <v>0.54166666666666663</v>
      </c>
      <c r="F10">
        <v>108</v>
      </c>
      <c r="G10" s="1">
        <v>0</v>
      </c>
      <c r="H10">
        <v>0</v>
      </c>
      <c r="I10" t="s">
        <v>5</v>
      </c>
      <c r="J10">
        <v>0</v>
      </c>
      <c r="K10" t="s">
        <v>5</v>
      </c>
      <c r="L10">
        <v>0</v>
      </c>
      <c r="M10">
        <v>0</v>
      </c>
      <c r="N10">
        <v>1</v>
      </c>
      <c r="O10">
        <v>0</v>
      </c>
      <c r="P10">
        <v>0</v>
      </c>
      <c r="Q10">
        <v>0</v>
      </c>
    </row>
    <row r="11" spans="1:17" x14ac:dyDescent="0.4">
      <c r="A11">
        <v>10</v>
      </c>
      <c r="B11" t="s">
        <v>4</v>
      </c>
      <c r="C11" s="1">
        <v>0.29166666666666669</v>
      </c>
      <c r="D11">
        <v>5</v>
      </c>
      <c r="E11" s="1">
        <v>0.54166666666666663</v>
      </c>
      <c r="F11">
        <v>108</v>
      </c>
      <c r="G11" t="s">
        <v>5</v>
      </c>
      <c r="H11">
        <v>0</v>
      </c>
      <c r="I11" t="s">
        <v>5</v>
      </c>
      <c r="J11">
        <v>0</v>
      </c>
      <c r="K11" t="s">
        <v>5</v>
      </c>
      <c r="L11">
        <v>0</v>
      </c>
      <c r="M11">
        <v>0</v>
      </c>
      <c r="N11">
        <v>1</v>
      </c>
      <c r="O11">
        <v>0</v>
      </c>
      <c r="P11">
        <v>0</v>
      </c>
      <c r="Q11">
        <v>0</v>
      </c>
    </row>
    <row r="12" spans="1:17" x14ac:dyDescent="0.4">
      <c r="A12">
        <v>11</v>
      </c>
      <c r="B12" t="s">
        <v>6</v>
      </c>
      <c r="C12" s="1">
        <v>0.29166666666666669</v>
      </c>
      <c r="D12">
        <v>51</v>
      </c>
      <c r="E12" s="1">
        <v>0.5</v>
      </c>
      <c r="F12">
        <v>51</v>
      </c>
      <c r="G12" s="1">
        <v>0.75</v>
      </c>
      <c r="H12">
        <v>21</v>
      </c>
      <c r="I12" s="1">
        <v>0</v>
      </c>
      <c r="J12">
        <v>21</v>
      </c>
      <c r="K12" s="1">
        <v>8.3333333333333329E-2</v>
      </c>
      <c r="L12">
        <v>21</v>
      </c>
      <c r="M12">
        <v>1</v>
      </c>
      <c r="N12">
        <v>1</v>
      </c>
      <c r="O12">
        <v>5</v>
      </c>
      <c r="P12">
        <v>10</v>
      </c>
      <c r="Q12">
        <v>0</v>
      </c>
    </row>
    <row r="13" spans="1:17" x14ac:dyDescent="0.4">
      <c r="A13">
        <v>12</v>
      </c>
      <c r="B13" t="s">
        <v>7</v>
      </c>
      <c r="C13" s="1">
        <v>0.29166666666666669</v>
      </c>
      <c r="D13">
        <v>52</v>
      </c>
      <c r="E13" s="1">
        <v>0.5</v>
      </c>
      <c r="F13">
        <v>52</v>
      </c>
      <c r="G13" s="1">
        <v>0.75</v>
      </c>
      <c r="H13">
        <v>22</v>
      </c>
      <c r="I13" s="1">
        <v>0</v>
      </c>
      <c r="J13">
        <v>22</v>
      </c>
      <c r="K13" s="1">
        <v>8.3333333333333329E-2</v>
      </c>
      <c r="L13">
        <v>22</v>
      </c>
      <c r="M13">
        <v>2</v>
      </c>
      <c r="N13">
        <v>1</v>
      </c>
      <c r="O13">
        <v>5</v>
      </c>
      <c r="P13">
        <v>11</v>
      </c>
      <c r="Q13">
        <v>0</v>
      </c>
    </row>
    <row r="14" spans="1:17" x14ac:dyDescent="0.4">
      <c r="A14">
        <v>21</v>
      </c>
      <c r="B14" t="s">
        <v>8</v>
      </c>
      <c r="C14" s="1">
        <v>0.29166666666666669</v>
      </c>
      <c r="D14">
        <v>51</v>
      </c>
      <c r="E14" s="1">
        <v>0.5</v>
      </c>
      <c r="F14">
        <v>51</v>
      </c>
      <c r="G14" s="1">
        <v>0.75</v>
      </c>
      <c r="H14">
        <v>23</v>
      </c>
      <c r="I14" s="1">
        <v>0</v>
      </c>
      <c r="J14">
        <v>23</v>
      </c>
      <c r="K14" s="1">
        <v>8.3333333333333329E-2</v>
      </c>
      <c r="L14">
        <v>23</v>
      </c>
      <c r="M14">
        <v>1</v>
      </c>
      <c r="N14">
        <v>1</v>
      </c>
      <c r="O14">
        <v>6</v>
      </c>
      <c r="P14">
        <v>20</v>
      </c>
      <c r="Q14">
        <v>3</v>
      </c>
    </row>
    <row r="15" spans="1:17" x14ac:dyDescent="0.4">
      <c r="A15">
        <v>22</v>
      </c>
      <c r="B15" t="s">
        <v>8</v>
      </c>
      <c r="C15" s="1">
        <v>0.29166666666666669</v>
      </c>
      <c r="D15">
        <v>52</v>
      </c>
      <c r="E15" s="1">
        <v>0.5</v>
      </c>
      <c r="F15">
        <v>52</v>
      </c>
      <c r="G15" s="1">
        <v>0.75</v>
      </c>
      <c r="H15">
        <v>24</v>
      </c>
      <c r="I15" s="1">
        <v>0</v>
      </c>
      <c r="J15">
        <v>24</v>
      </c>
      <c r="K15" s="1">
        <v>8.3333333333333329E-2</v>
      </c>
      <c r="L15">
        <v>24</v>
      </c>
      <c r="M15">
        <v>2</v>
      </c>
      <c r="N15">
        <v>1</v>
      </c>
      <c r="O15">
        <v>6</v>
      </c>
      <c r="P15">
        <v>22</v>
      </c>
      <c r="Q15">
        <v>3</v>
      </c>
    </row>
    <row r="16" spans="1:17" x14ac:dyDescent="0.4">
      <c r="A16">
        <v>23</v>
      </c>
      <c r="B16" t="s">
        <v>9</v>
      </c>
      <c r="C16" s="1">
        <v>0.29166666666666669</v>
      </c>
      <c r="D16">
        <v>51</v>
      </c>
      <c r="E16" s="1">
        <v>0.5</v>
      </c>
      <c r="F16">
        <v>51</v>
      </c>
      <c r="G16" s="1">
        <v>0.75</v>
      </c>
      <c r="H16">
        <v>25</v>
      </c>
      <c r="I16" s="1">
        <v>0</v>
      </c>
      <c r="J16">
        <v>25</v>
      </c>
      <c r="K16" s="1">
        <v>8.3333333333333329E-2</v>
      </c>
      <c r="L16">
        <v>25</v>
      </c>
      <c r="M16">
        <v>1</v>
      </c>
      <c r="N16">
        <v>1</v>
      </c>
      <c r="O16">
        <v>7</v>
      </c>
      <c r="P16">
        <v>24</v>
      </c>
      <c r="Q16">
        <v>4</v>
      </c>
    </row>
    <row r="17" spans="1:17" x14ac:dyDescent="0.4">
      <c r="A17">
        <v>24</v>
      </c>
      <c r="B17" t="s">
        <v>9</v>
      </c>
      <c r="C17" s="1">
        <v>0.29166666666666669</v>
      </c>
      <c r="D17">
        <v>52</v>
      </c>
      <c r="E17" s="1">
        <v>0.5</v>
      </c>
      <c r="F17">
        <v>52</v>
      </c>
      <c r="G17" s="1">
        <v>0.75</v>
      </c>
      <c r="H17">
        <v>26</v>
      </c>
      <c r="I17" s="1">
        <v>0</v>
      </c>
      <c r="J17">
        <v>26</v>
      </c>
      <c r="K17" s="1">
        <v>8.3333333333333329E-2</v>
      </c>
      <c r="L17">
        <v>26</v>
      </c>
      <c r="M17">
        <v>2</v>
      </c>
      <c r="N17">
        <v>1</v>
      </c>
      <c r="O17">
        <v>7</v>
      </c>
      <c r="P17">
        <v>24</v>
      </c>
      <c r="Q17">
        <v>4</v>
      </c>
    </row>
    <row r="18" spans="1:17" x14ac:dyDescent="0.4">
      <c r="A18">
        <v>25</v>
      </c>
      <c r="B18" t="s">
        <v>10</v>
      </c>
      <c r="C18" s="1">
        <v>0.29166666666666669</v>
      </c>
      <c r="D18">
        <v>51</v>
      </c>
      <c r="E18" s="1">
        <v>0.5</v>
      </c>
      <c r="F18">
        <v>51</v>
      </c>
      <c r="G18" s="1">
        <v>0.75</v>
      </c>
      <c r="H18">
        <v>27</v>
      </c>
      <c r="I18" s="1">
        <v>0</v>
      </c>
      <c r="J18">
        <v>27</v>
      </c>
      <c r="K18" s="1">
        <v>0.125</v>
      </c>
      <c r="L18">
        <v>27</v>
      </c>
      <c r="M18">
        <v>1</v>
      </c>
      <c r="N18">
        <v>1</v>
      </c>
      <c r="O18">
        <v>8</v>
      </c>
      <c r="P18">
        <v>0</v>
      </c>
      <c r="Q18">
        <v>5</v>
      </c>
    </row>
    <row r="19" spans="1:17" x14ac:dyDescent="0.4">
      <c r="A19">
        <v>26</v>
      </c>
      <c r="B19" t="s">
        <v>10</v>
      </c>
      <c r="C19" s="1">
        <v>0.29166666666666669</v>
      </c>
      <c r="D19">
        <v>52</v>
      </c>
      <c r="E19" s="1">
        <v>0.5</v>
      </c>
      <c r="F19">
        <v>52</v>
      </c>
      <c r="G19" s="1">
        <v>0.75</v>
      </c>
      <c r="H19">
        <v>28</v>
      </c>
      <c r="I19" s="1">
        <v>0</v>
      </c>
      <c r="J19">
        <v>28</v>
      </c>
      <c r="K19" s="1">
        <v>0.125</v>
      </c>
      <c r="L19">
        <v>28</v>
      </c>
      <c r="M19">
        <v>2</v>
      </c>
      <c r="N19">
        <v>1</v>
      </c>
      <c r="O19">
        <v>8</v>
      </c>
      <c r="P19">
        <v>0</v>
      </c>
      <c r="Q19">
        <v>5</v>
      </c>
    </row>
    <row r="20" spans="1:17" x14ac:dyDescent="0.4">
      <c r="A20">
        <v>28</v>
      </c>
      <c r="B20" t="s">
        <v>11</v>
      </c>
      <c r="C20" s="1">
        <v>0.29166666666666669</v>
      </c>
      <c r="D20">
        <v>6</v>
      </c>
      <c r="E20" s="1">
        <v>0.54166666666666663</v>
      </c>
      <c r="F20">
        <v>6</v>
      </c>
      <c r="G20" s="1">
        <v>0.66666666666666663</v>
      </c>
      <c r="H20">
        <v>108</v>
      </c>
      <c r="I20" t="s">
        <v>5</v>
      </c>
      <c r="J20">
        <v>0</v>
      </c>
      <c r="K20" t="s">
        <v>5</v>
      </c>
      <c r="L20">
        <v>0</v>
      </c>
      <c r="M20">
        <v>0</v>
      </c>
      <c r="N20">
        <v>1</v>
      </c>
      <c r="O20">
        <v>0</v>
      </c>
      <c r="P20">
        <v>0</v>
      </c>
      <c r="Q20">
        <v>0</v>
      </c>
    </row>
    <row r="21" spans="1:17" x14ac:dyDescent="0.4">
      <c r="A21">
        <v>29</v>
      </c>
      <c r="B21" t="s">
        <v>11</v>
      </c>
      <c r="C21" s="1">
        <v>0.29166666666666669</v>
      </c>
      <c r="D21">
        <v>6</v>
      </c>
      <c r="E21" s="1">
        <v>0.54166666666666663</v>
      </c>
      <c r="F21">
        <v>6</v>
      </c>
      <c r="G21" s="1">
        <v>0.66666666666666663</v>
      </c>
      <c r="H21">
        <v>108</v>
      </c>
      <c r="I21" t="s">
        <v>5</v>
      </c>
      <c r="J21">
        <v>0</v>
      </c>
      <c r="K21" t="s">
        <v>5</v>
      </c>
      <c r="L21">
        <v>0</v>
      </c>
      <c r="M21">
        <v>0</v>
      </c>
      <c r="N21">
        <v>1</v>
      </c>
      <c r="O21">
        <v>0</v>
      </c>
      <c r="P21">
        <v>0</v>
      </c>
      <c r="Q21">
        <v>0</v>
      </c>
    </row>
    <row r="22" spans="1:17" x14ac:dyDescent="0.4">
      <c r="A22">
        <v>30</v>
      </c>
      <c r="B22" t="s">
        <v>12</v>
      </c>
      <c r="C22" s="1">
        <v>0.29166666666666669</v>
      </c>
      <c r="D22">
        <v>1</v>
      </c>
      <c r="E22" s="1">
        <v>0.58333333333333337</v>
      </c>
      <c r="F22">
        <v>108</v>
      </c>
      <c r="G22" t="s">
        <v>5</v>
      </c>
      <c r="H22">
        <v>0</v>
      </c>
      <c r="I22" t="s">
        <v>5</v>
      </c>
      <c r="J22">
        <v>0</v>
      </c>
      <c r="K22" t="s">
        <v>5</v>
      </c>
      <c r="L22">
        <v>0</v>
      </c>
      <c r="M22">
        <v>0</v>
      </c>
      <c r="N22">
        <v>1</v>
      </c>
      <c r="O22">
        <v>1</v>
      </c>
      <c r="P22">
        <v>0</v>
      </c>
      <c r="Q22">
        <v>0</v>
      </c>
    </row>
    <row r="23" spans="1:17" x14ac:dyDescent="0.4">
      <c r="A23">
        <v>31</v>
      </c>
      <c r="B23" t="s">
        <v>12</v>
      </c>
      <c r="C23" s="1">
        <v>0.29166666666666669</v>
      </c>
      <c r="D23">
        <v>1</v>
      </c>
      <c r="E23" s="1">
        <v>0.58333333333333337</v>
      </c>
      <c r="F23">
        <v>108</v>
      </c>
      <c r="G23" t="s">
        <v>5</v>
      </c>
      <c r="H23">
        <v>0</v>
      </c>
      <c r="I23" t="s">
        <v>5</v>
      </c>
      <c r="J23">
        <v>0</v>
      </c>
      <c r="K23" t="s">
        <v>5</v>
      </c>
      <c r="L23">
        <v>0</v>
      </c>
      <c r="M23">
        <v>0</v>
      </c>
      <c r="N23">
        <v>1</v>
      </c>
      <c r="O23">
        <v>1</v>
      </c>
      <c r="P23">
        <v>0</v>
      </c>
      <c r="Q23">
        <v>0</v>
      </c>
    </row>
    <row r="24" spans="1:17" x14ac:dyDescent="0.4">
      <c r="A24">
        <v>32</v>
      </c>
      <c r="B24" t="s">
        <v>13</v>
      </c>
      <c r="C24" s="1">
        <v>0.29166666666666669</v>
      </c>
      <c r="D24">
        <v>2</v>
      </c>
      <c r="E24" s="1">
        <v>0.58333333333333337</v>
      </c>
      <c r="F24">
        <v>108</v>
      </c>
      <c r="G24" t="s">
        <v>5</v>
      </c>
      <c r="H24">
        <v>0</v>
      </c>
      <c r="I24" t="s">
        <v>5</v>
      </c>
      <c r="J24">
        <v>0</v>
      </c>
      <c r="K24" t="s">
        <v>5</v>
      </c>
      <c r="L24">
        <v>0</v>
      </c>
      <c r="M24">
        <v>0</v>
      </c>
      <c r="N24">
        <v>1</v>
      </c>
      <c r="O24">
        <v>3</v>
      </c>
      <c r="P24">
        <v>0</v>
      </c>
      <c r="Q24">
        <v>0</v>
      </c>
    </row>
    <row r="25" spans="1:17" x14ac:dyDescent="0.4">
      <c r="A25">
        <v>33</v>
      </c>
      <c r="B25" t="s">
        <v>13</v>
      </c>
      <c r="C25" s="1">
        <v>0.29166666666666669</v>
      </c>
      <c r="D25">
        <v>2</v>
      </c>
      <c r="E25" s="1">
        <v>0.58333333333333337</v>
      </c>
      <c r="F25">
        <v>108</v>
      </c>
      <c r="G25" t="s">
        <v>5</v>
      </c>
      <c r="H25">
        <v>0</v>
      </c>
      <c r="I25" t="s">
        <v>5</v>
      </c>
      <c r="J25">
        <v>0</v>
      </c>
      <c r="K25" t="s">
        <v>5</v>
      </c>
      <c r="L25">
        <v>0</v>
      </c>
      <c r="M25">
        <v>0</v>
      </c>
      <c r="N25">
        <v>1</v>
      </c>
      <c r="O25">
        <v>3</v>
      </c>
      <c r="P25">
        <v>0</v>
      </c>
      <c r="Q25">
        <v>0</v>
      </c>
    </row>
    <row r="26" spans="1:17" x14ac:dyDescent="0.4">
      <c r="A26">
        <v>34</v>
      </c>
      <c r="B26" t="s">
        <v>14</v>
      </c>
      <c r="C26" s="1">
        <v>0.29166666666666669</v>
      </c>
      <c r="D26">
        <v>3</v>
      </c>
      <c r="E26" s="1">
        <v>0.58333333333333337</v>
      </c>
      <c r="F26">
        <v>108</v>
      </c>
      <c r="G26" t="s">
        <v>5</v>
      </c>
      <c r="H26">
        <v>0</v>
      </c>
      <c r="I26" t="s">
        <v>5</v>
      </c>
      <c r="J26">
        <v>0</v>
      </c>
      <c r="K26" t="s">
        <v>5</v>
      </c>
      <c r="L26">
        <v>0</v>
      </c>
      <c r="M26">
        <v>0</v>
      </c>
      <c r="N26">
        <v>1</v>
      </c>
      <c r="O26">
        <v>5</v>
      </c>
      <c r="P26">
        <v>0</v>
      </c>
      <c r="Q26">
        <v>0</v>
      </c>
    </row>
    <row r="27" spans="1:17" x14ac:dyDescent="0.4">
      <c r="A27">
        <v>35</v>
      </c>
      <c r="B27" t="s">
        <v>14</v>
      </c>
      <c r="C27" s="1">
        <v>0.29166666666666669</v>
      </c>
      <c r="D27">
        <v>3</v>
      </c>
      <c r="E27" s="1">
        <v>0.58333333333333337</v>
      </c>
      <c r="F27">
        <v>108</v>
      </c>
      <c r="G27" t="s">
        <v>5</v>
      </c>
      <c r="H27">
        <v>0</v>
      </c>
      <c r="I27" t="s">
        <v>5</v>
      </c>
      <c r="J27">
        <v>0</v>
      </c>
      <c r="K27" t="s">
        <v>5</v>
      </c>
      <c r="L27">
        <v>0</v>
      </c>
      <c r="M27">
        <v>0</v>
      </c>
      <c r="N27">
        <v>1</v>
      </c>
      <c r="O27">
        <v>5</v>
      </c>
      <c r="P27">
        <v>0</v>
      </c>
      <c r="Q27">
        <v>0</v>
      </c>
    </row>
    <row r="28" spans="1:17" x14ac:dyDescent="0.4">
      <c r="A28">
        <v>36</v>
      </c>
      <c r="B28" t="s">
        <v>15</v>
      </c>
      <c r="C28" s="1">
        <v>0.29166666666666669</v>
      </c>
      <c r="D28">
        <v>4</v>
      </c>
      <c r="E28" s="1">
        <v>0.58333333333333337</v>
      </c>
      <c r="F28">
        <v>108</v>
      </c>
      <c r="G28" t="s">
        <v>5</v>
      </c>
      <c r="H28">
        <v>0</v>
      </c>
      <c r="I28" t="s">
        <v>5</v>
      </c>
      <c r="J28">
        <v>0</v>
      </c>
      <c r="K28" t="s">
        <v>5</v>
      </c>
      <c r="L28">
        <v>0</v>
      </c>
      <c r="M28">
        <v>0</v>
      </c>
      <c r="N28">
        <v>1</v>
      </c>
      <c r="O28">
        <v>7</v>
      </c>
      <c r="P28">
        <v>0</v>
      </c>
      <c r="Q28">
        <v>0</v>
      </c>
    </row>
    <row r="29" spans="1:17" x14ac:dyDescent="0.4">
      <c r="A29">
        <v>37</v>
      </c>
      <c r="B29" t="s">
        <v>15</v>
      </c>
      <c r="C29" s="1">
        <v>0.29166666666666669</v>
      </c>
      <c r="D29">
        <v>4</v>
      </c>
      <c r="E29" s="1">
        <v>0.58333333333333337</v>
      </c>
      <c r="F29">
        <v>108</v>
      </c>
      <c r="G29" t="s">
        <v>5</v>
      </c>
      <c r="H29">
        <v>0</v>
      </c>
      <c r="I29" t="s">
        <v>5</v>
      </c>
      <c r="J29">
        <v>0</v>
      </c>
      <c r="K29" t="s">
        <v>5</v>
      </c>
      <c r="L29">
        <v>0</v>
      </c>
      <c r="M29">
        <v>0</v>
      </c>
      <c r="N29">
        <v>0</v>
      </c>
      <c r="O29">
        <v>0</v>
      </c>
      <c r="P29">
        <v>0</v>
      </c>
      <c r="Q29">
        <v>0</v>
      </c>
    </row>
    <row r="30" spans="1:17" x14ac:dyDescent="0.4">
      <c r="A30">
        <v>43</v>
      </c>
      <c r="B30" t="s">
        <v>16</v>
      </c>
      <c r="C30" s="1">
        <v>0.29166666666666669</v>
      </c>
      <c r="D30">
        <v>51</v>
      </c>
      <c r="E30" s="1">
        <v>0.5</v>
      </c>
      <c r="F30">
        <v>51</v>
      </c>
      <c r="G30" s="1">
        <v>0.75</v>
      </c>
      <c r="H30">
        <v>40</v>
      </c>
      <c r="I30" s="1">
        <v>0.25</v>
      </c>
      <c r="J30">
        <v>51</v>
      </c>
      <c r="K30" s="1">
        <v>8.3333333333333329E-2</v>
      </c>
      <c r="L30">
        <v>51</v>
      </c>
      <c r="M30">
        <v>1</v>
      </c>
      <c r="N30">
        <v>1</v>
      </c>
      <c r="O30">
        <v>9</v>
      </c>
      <c r="P30">
        <v>43</v>
      </c>
      <c r="Q30">
        <v>0</v>
      </c>
    </row>
    <row r="31" spans="1:17" x14ac:dyDescent="0.4">
      <c r="A31">
        <v>44</v>
      </c>
      <c r="B31" t="s">
        <v>17</v>
      </c>
      <c r="C31" s="1">
        <v>0.29166666666666669</v>
      </c>
      <c r="D31">
        <v>51</v>
      </c>
      <c r="E31" s="1">
        <v>0.5</v>
      </c>
      <c r="F31">
        <v>51</v>
      </c>
      <c r="G31" s="1">
        <v>0.75</v>
      </c>
      <c r="H31">
        <v>41</v>
      </c>
      <c r="I31" s="1">
        <v>0.25</v>
      </c>
      <c r="J31">
        <v>51</v>
      </c>
      <c r="K31" s="1">
        <v>8.3333333333333329E-2</v>
      </c>
      <c r="L31">
        <v>51</v>
      </c>
      <c r="M31">
        <v>1</v>
      </c>
      <c r="N31">
        <v>1</v>
      </c>
      <c r="O31">
        <v>10</v>
      </c>
      <c r="P31">
        <v>44</v>
      </c>
      <c r="Q31">
        <v>3</v>
      </c>
    </row>
    <row r="32" spans="1:17" x14ac:dyDescent="0.4">
      <c r="A32">
        <v>45</v>
      </c>
      <c r="B32" t="s">
        <v>18</v>
      </c>
      <c r="C32" s="1">
        <v>0.29166666666666669</v>
      </c>
      <c r="D32">
        <v>51</v>
      </c>
      <c r="E32" s="1">
        <v>0.5</v>
      </c>
      <c r="F32">
        <v>51</v>
      </c>
      <c r="G32" s="1">
        <v>0.75</v>
      </c>
      <c r="H32">
        <v>42</v>
      </c>
      <c r="I32" s="1">
        <v>0.25</v>
      </c>
      <c r="J32">
        <v>51</v>
      </c>
      <c r="K32" s="1">
        <v>8.3333333333333329E-2</v>
      </c>
      <c r="L32">
        <v>51</v>
      </c>
      <c r="M32">
        <v>1</v>
      </c>
      <c r="N32">
        <v>1</v>
      </c>
      <c r="O32">
        <v>11</v>
      </c>
      <c r="P32">
        <v>45</v>
      </c>
      <c r="Q32">
        <v>4</v>
      </c>
    </row>
    <row r="33" spans="1:17" x14ac:dyDescent="0.4">
      <c r="A33">
        <v>46</v>
      </c>
      <c r="B33" t="s">
        <v>19</v>
      </c>
      <c r="C33" s="1">
        <v>0.29166666666666669</v>
      </c>
      <c r="D33">
        <v>51</v>
      </c>
      <c r="E33" s="1">
        <v>0.5</v>
      </c>
      <c r="F33">
        <v>51</v>
      </c>
      <c r="G33" s="1">
        <v>0.75</v>
      </c>
      <c r="H33">
        <v>43</v>
      </c>
      <c r="I33" s="1">
        <v>0.25</v>
      </c>
      <c r="J33">
        <v>51</v>
      </c>
      <c r="K33" s="1">
        <v>0.125</v>
      </c>
      <c r="L33">
        <v>51</v>
      </c>
      <c r="M33">
        <v>1</v>
      </c>
      <c r="N33">
        <v>1</v>
      </c>
      <c r="O33">
        <v>12</v>
      </c>
      <c r="P33">
        <v>0</v>
      </c>
      <c r="Q33">
        <v>5</v>
      </c>
    </row>
    <row r="34" spans="1:17" x14ac:dyDescent="0.4">
      <c r="A34">
        <v>49</v>
      </c>
      <c r="B34" t="s">
        <v>20</v>
      </c>
      <c r="C34" s="1">
        <v>0.29166666666666669</v>
      </c>
      <c r="D34">
        <v>51</v>
      </c>
      <c r="E34" s="1">
        <v>0.5</v>
      </c>
      <c r="F34">
        <v>51</v>
      </c>
      <c r="G34" s="1">
        <v>0.75</v>
      </c>
      <c r="H34">
        <v>51</v>
      </c>
      <c r="I34" s="1">
        <v>0.75</v>
      </c>
      <c r="J34">
        <v>31</v>
      </c>
      <c r="K34" s="1">
        <v>8.3333333333333329E-2</v>
      </c>
      <c r="L34">
        <v>31</v>
      </c>
      <c r="M34">
        <v>1</v>
      </c>
      <c r="N34">
        <v>1</v>
      </c>
      <c r="O34">
        <v>13</v>
      </c>
      <c r="P34">
        <v>40</v>
      </c>
      <c r="Q34">
        <v>0</v>
      </c>
    </row>
    <row r="35" spans="1:17" x14ac:dyDescent="0.4">
      <c r="A35">
        <v>50</v>
      </c>
      <c r="B35" t="s">
        <v>20</v>
      </c>
      <c r="C35" s="1">
        <v>0.29166666666666669</v>
      </c>
      <c r="D35">
        <v>52</v>
      </c>
      <c r="E35" s="1">
        <v>0.5</v>
      </c>
      <c r="F35">
        <v>52</v>
      </c>
      <c r="G35" s="1">
        <v>0.75</v>
      </c>
      <c r="H35">
        <v>52</v>
      </c>
      <c r="I35" s="1">
        <v>0.75</v>
      </c>
      <c r="J35">
        <v>32</v>
      </c>
      <c r="K35" s="1">
        <v>8.3333333333333329E-2</v>
      </c>
      <c r="L35">
        <v>32</v>
      </c>
      <c r="M35">
        <v>2</v>
      </c>
      <c r="N35">
        <v>1</v>
      </c>
      <c r="O35">
        <v>9</v>
      </c>
      <c r="P35">
        <v>40</v>
      </c>
      <c r="Q35">
        <v>0</v>
      </c>
    </row>
    <row r="36" spans="1:17" x14ac:dyDescent="0.4">
      <c r="A36">
        <v>51</v>
      </c>
      <c r="B36" t="s">
        <v>21</v>
      </c>
      <c r="C36" s="1">
        <v>0.29166666666666669</v>
      </c>
      <c r="D36">
        <v>51</v>
      </c>
      <c r="E36" s="1">
        <v>0.5</v>
      </c>
      <c r="F36">
        <v>51</v>
      </c>
      <c r="G36" s="1">
        <v>0.75</v>
      </c>
      <c r="H36">
        <v>51</v>
      </c>
      <c r="I36" s="1">
        <v>0.75</v>
      </c>
      <c r="J36">
        <v>33</v>
      </c>
      <c r="K36" s="1">
        <v>8.3333333333333329E-2</v>
      </c>
      <c r="L36">
        <v>33</v>
      </c>
      <c r="M36">
        <v>1</v>
      </c>
      <c r="N36">
        <v>1</v>
      </c>
      <c r="O36">
        <v>14</v>
      </c>
      <c r="P36">
        <v>41</v>
      </c>
      <c r="Q36">
        <v>3</v>
      </c>
    </row>
    <row r="37" spans="1:17" x14ac:dyDescent="0.4">
      <c r="A37">
        <v>52</v>
      </c>
      <c r="B37" t="s">
        <v>21</v>
      </c>
      <c r="C37" s="1">
        <v>0.29166666666666669</v>
      </c>
      <c r="D37">
        <v>52</v>
      </c>
      <c r="E37" s="1">
        <v>0.5</v>
      </c>
      <c r="F37">
        <v>52</v>
      </c>
      <c r="G37" s="1">
        <v>0.75</v>
      </c>
      <c r="H37">
        <v>52</v>
      </c>
      <c r="I37" s="1">
        <v>0.75</v>
      </c>
      <c r="J37">
        <v>34</v>
      </c>
      <c r="K37" s="1">
        <v>8.3333333333333329E-2</v>
      </c>
      <c r="L37">
        <v>34</v>
      </c>
      <c r="M37">
        <v>2</v>
      </c>
      <c r="N37">
        <v>1</v>
      </c>
      <c r="O37">
        <v>10</v>
      </c>
      <c r="P37">
        <v>41</v>
      </c>
      <c r="Q37">
        <v>3</v>
      </c>
    </row>
    <row r="38" spans="1:17" x14ac:dyDescent="0.4">
      <c r="A38">
        <v>61</v>
      </c>
      <c r="B38" t="s">
        <v>22</v>
      </c>
      <c r="C38" s="1">
        <v>0.29166666666666669</v>
      </c>
      <c r="D38">
        <v>51</v>
      </c>
      <c r="E38" s="1">
        <v>0.5</v>
      </c>
      <c r="F38">
        <v>51</v>
      </c>
      <c r="G38" s="1">
        <v>0.75</v>
      </c>
      <c r="H38">
        <v>51</v>
      </c>
      <c r="I38" s="1">
        <v>0.75</v>
      </c>
      <c r="J38">
        <v>35</v>
      </c>
      <c r="K38" s="1">
        <v>8.3333333333333329E-2</v>
      </c>
      <c r="L38">
        <v>35</v>
      </c>
      <c r="M38">
        <v>1</v>
      </c>
      <c r="N38">
        <v>1</v>
      </c>
      <c r="O38">
        <v>15</v>
      </c>
      <c r="P38">
        <v>42</v>
      </c>
      <c r="Q38">
        <v>4</v>
      </c>
    </row>
    <row r="39" spans="1:17" x14ac:dyDescent="0.4">
      <c r="A39">
        <v>62</v>
      </c>
      <c r="B39" t="s">
        <v>22</v>
      </c>
      <c r="C39" s="1">
        <v>0.29166666666666669</v>
      </c>
      <c r="D39">
        <v>52</v>
      </c>
      <c r="E39" s="1">
        <v>0.5</v>
      </c>
      <c r="F39">
        <v>52</v>
      </c>
      <c r="G39" s="1">
        <v>0.75</v>
      </c>
      <c r="H39">
        <v>52</v>
      </c>
      <c r="I39" s="1">
        <v>0.75</v>
      </c>
      <c r="J39">
        <v>36</v>
      </c>
      <c r="K39" s="1">
        <v>8.3333333333333329E-2</v>
      </c>
      <c r="L39">
        <v>36</v>
      </c>
      <c r="M39">
        <v>2</v>
      </c>
      <c r="N39">
        <v>1</v>
      </c>
      <c r="O39">
        <v>11</v>
      </c>
      <c r="P39">
        <v>42</v>
      </c>
      <c r="Q39">
        <v>4</v>
      </c>
    </row>
    <row r="40" spans="1:17" x14ac:dyDescent="0.4">
      <c r="A40">
        <v>63</v>
      </c>
      <c r="B40" t="s">
        <v>23</v>
      </c>
      <c r="C40" s="1">
        <v>0.29166666666666669</v>
      </c>
      <c r="D40">
        <v>51</v>
      </c>
      <c r="E40" s="1">
        <v>0.5</v>
      </c>
      <c r="F40">
        <v>51</v>
      </c>
      <c r="G40" s="1">
        <v>0.83333333333333337</v>
      </c>
      <c r="H40">
        <v>51</v>
      </c>
      <c r="I40" s="1">
        <v>0.75</v>
      </c>
      <c r="J40">
        <v>37</v>
      </c>
      <c r="K40" s="1">
        <v>0.125</v>
      </c>
      <c r="L40">
        <v>37</v>
      </c>
      <c r="M40">
        <v>1</v>
      </c>
      <c r="N40">
        <v>1</v>
      </c>
      <c r="O40">
        <v>16</v>
      </c>
      <c r="P40">
        <v>0</v>
      </c>
      <c r="Q40">
        <v>5</v>
      </c>
    </row>
    <row r="41" spans="1:17" x14ac:dyDescent="0.4">
      <c r="A41">
        <v>64</v>
      </c>
      <c r="B41" t="s">
        <v>23</v>
      </c>
      <c r="C41" s="1">
        <v>0.29166666666666669</v>
      </c>
      <c r="D41">
        <v>52</v>
      </c>
      <c r="E41" s="1">
        <v>0.5</v>
      </c>
      <c r="F41">
        <v>52</v>
      </c>
      <c r="G41" s="1">
        <v>0.83333333333333337</v>
      </c>
      <c r="H41">
        <v>52</v>
      </c>
      <c r="I41" s="1">
        <v>0.75</v>
      </c>
      <c r="J41">
        <v>38</v>
      </c>
      <c r="K41" s="1">
        <v>0.125</v>
      </c>
      <c r="L41">
        <v>38</v>
      </c>
      <c r="M41">
        <v>2</v>
      </c>
      <c r="N41">
        <v>1</v>
      </c>
      <c r="O41">
        <v>12</v>
      </c>
      <c r="P41">
        <v>0</v>
      </c>
      <c r="Q41">
        <v>5</v>
      </c>
    </row>
    <row r="42" spans="1:17" x14ac:dyDescent="0.4">
      <c r="A42">
        <v>65</v>
      </c>
      <c r="B42" t="s">
        <v>24</v>
      </c>
      <c r="C42" s="1">
        <v>0.29166666666666669</v>
      </c>
      <c r="D42">
        <v>51</v>
      </c>
      <c r="E42" s="1">
        <v>0.5</v>
      </c>
      <c r="F42">
        <v>51</v>
      </c>
      <c r="G42" s="1">
        <v>0.125</v>
      </c>
      <c r="H42">
        <v>93</v>
      </c>
      <c r="I42" t="s">
        <v>5</v>
      </c>
      <c r="J42">
        <v>0</v>
      </c>
      <c r="K42" t="s">
        <v>5</v>
      </c>
      <c r="L42">
        <v>0</v>
      </c>
      <c r="M42">
        <v>1</v>
      </c>
      <c r="N42">
        <v>1</v>
      </c>
      <c r="O42">
        <v>17</v>
      </c>
      <c r="P42">
        <v>0</v>
      </c>
      <c r="Q42">
        <v>0</v>
      </c>
    </row>
    <row r="43" spans="1:17" x14ac:dyDescent="0.4">
      <c r="A43">
        <v>66</v>
      </c>
      <c r="B43" t="s">
        <v>25</v>
      </c>
      <c r="C43" s="1">
        <v>0.29166666666666669</v>
      </c>
      <c r="D43">
        <v>51</v>
      </c>
      <c r="E43" s="1">
        <v>0.5</v>
      </c>
      <c r="F43">
        <v>51</v>
      </c>
      <c r="G43" s="1">
        <v>0.125</v>
      </c>
      <c r="H43">
        <v>94</v>
      </c>
      <c r="I43" t="s">
        <v>5</v>
      </c>
      <c r="J43">
        <v>0</v>
      </c>
      <c r="K43" t="s">
        <v>5</v>
      </c>
      <c r="L43">
        <v>0</v>
      </c>
      <c r="M43">
        <v>1</v>
      </c>
      <c r="N43">
        <v>1</v>
      </c>
      <c r="O43">
        <v>18</v>
      </c>
      <c r="P43">
        <v>0</v>
      </c>
      <c r="Q43">
        <v>3</v>
      </c>
    </row>
    <row r="44" spans="1:17" x14ac:dyDescent="0.4">
      <c r="A44">
        <v>67</v>
      </c>
      <c r="B44" t="s">
        <v>26</v>
      </c>
      <c r="C44" s="1">
        <v>0.29166666666666669</v>
      </c>
      <c r="D44">
        <v>51</v>
      </c>
      <c r="E44" s="1">
        <v>0.5</v>
      </c>
      <c r="F44">
        <v>51</v>
      </c>
      <c r="G44" s="1">
        <v>0.125</v>
      </c>
      <c r="H44">
        <v>95</v>
      </c>
      <c r="I44" t="s">
        <v>5</v>
      </c>
      <c r="J44">
        <v>0</v>
      </c>
      <c r="K44" t="s">
        <v>5</v>
      </c>
      <c r="L44">
        <v>0</v>
      </c>
      <c r="M44">
        <v>1</v>
      </c>
      <c r="N44">
        <v>1</v>
      </c>
      <c r="O44">
        <v>19</v>
      </c>
      <c r="P44">
        <v>0</v>
      </c>
      <c r="Q44">
        <v>4</v>
      </c>
    </row>
    <row r="45" spans="1:17" x14ac:dyDescent="0.4">
      <c r="A45">
        <v>68</v>
      </c>
      <c r="B45" t="s">
        <v>27</v>
      </c>
      <c r="C45" s="1">
        <v>0.29166666666666669</v>
      </c>
      <c r="D45">
        <v>51</v>
      </c>
      <c r="E45" s="1">
        <v>0.5</v>
      </c>
      <c r="F45">
        <v>51</v>
      </c>
      <c r="G45" s="1">
        <v>0.125</v>
      </c>
      <c r="H45">
        <v>113</v>
      </c>
      <c r="I45" t="s">
        <v>5</v>
      </c>
      <c r="J45">
        <v>0</v>
      </c>
      <c r="K45" t="s">
        <v>5</v>
      </c>
      <c r="L45">
        <v>0</v>
      </c>
      <c r="M45">
        <v>1</v>
      </c>
      <c r="N45">
        <v>1</v>
      </c>
      <c r="O45">
        <v>20</v>
      </c>
      <c r="P45">
        <v>0</v>
      </c>
      <c r="Q45">
        <v>5</v>
      </c>
    </row>
    <row r="46" spans="1:17" x14ac:dyDescent="0.4">
      <c r="A46">
        <v>69</v>
      </c>
      <c r="B46" t="s">
        <v>24</v>
      </c>
      <c r="C46" s="1">
        <v>0.29166666666666669</v>
      </c>
      <c r="D46">
        <v>52</v>
      </c>
      <c r="E46" s="1">
        <v>0.5</v>
      </c>
      <c r="F46">
        <v>52</v>
      </c>
      <c r="G46" s="1">
        <v>0.125</v>
      </c>
      <c r="H46">
        <v>96</v>
      </c>
      <c r="I46" t="s">
        <v>5</v>
      </c>
      <c r="J46">
        <v>0</v>
      </c>
      <c r="K46" t="s">
        <v>5</v>
      </c>
      <c r="L46">
        <v>0</v>
      </c>
      <c r="M46">
        <v>2</v>
      </c>
      <c r="N46">
        <v>1</v>
      </c>
      <c r="O46">
        <v>13</v>
      </c>
      <c r="P46">
        <v>0</v>
      </c>
      <c r="Q46">
        <v>0</v>
      </c>
    </row>
    <row r="47" spans="1:17" x14ac:dyDescent="0.4">
      <c r="A47">
        <v>71</v>
      </c>
      <c r="B47" t="s">
        <v>25</v>
      </c>
      <c r="C47" s="1">
        <v>0.29166666666666669</v>
      </c>
      <c r="D47">
        <v>52</v>
      </c>
      <c r="E47" s="1">
        <v>0.5</v>
      </c>
      <c r="F47">
        <v>52</v>
      </c>
      <c r="G47" s="1">
        <v>0.125</v>
      </c>
      <c r="H47">
        <v>97</v>
      </c>
      <c r="I47" t="s">
        <v>5</v>
      </c>
      <c r="J47">
        <v>0</v>
      </c>
      <c r="K47" t="s">
        <v>5</v>
      </c>
      <c r="L47">
        <v>0</v>
      </c>
      <c r="M47">
        <v>2</v>
      </c>
      <c r="N47">
        <v>1</v>
      </c>
      <c r="O47">
        <v>14</v>
      </c>
      <c r="P47">
        <v>0</v>
      </c>
      <c r="Q47">
        <v>3</v>
      </c>
    </row>
    <row r="48" spans="1:17" x14ac:dyDescent="0.4">
      <c r="A48">
        <v>72</v>
      </c>
      <c r="B48" t="s">
        <v>26</v>
      </c>
      <c r="C48" s="1">
        <v>0.29166666666666669</v>
      </c>
      <c r="D48">
        <v>52</v>
      </c>
      <c r="E48" s="1">
        <v>0.5</v>
      </c>
      <c r="F48">
        <v>52</v>
      </c>
      <c r="G48" s="1">
        <v>0.125</v>
      </c>
      <c r="H48">
        <v>98</v>
      </c>
      <c r="I48" t="s">
        <v>5</v>
      </c>
      <c r="J48">
        <v>0</v>
      </c>
      <c r="K48" t="s">
        <v>5</v>
      </c>
      <c r="L48">
        <v>0</v>
      </c>
      <c r="M48">
        <v>2</v>
      </c>
      <c r="N48">
        <v>1</v>
      </c>
      <c r="O48">
        <v>15</v>
      </c>
      <c r="P48">
        <v>0</v>
      </c>
      <c r="Q48">
        <v>4</v>
      </c>
    </row>
    <row r="49" spans="1:17" x14ac:dyDescent="0.4">
      <c r="A49">
        <v>73</v>
      </c>
      <c r="B49" t="s">
        <v>27</v>
      </c>
      <c r="C49" s="1">
        <v>0.29166666666666669</v>
      </c>
      <c r="D49">
        <v>52</v>
      </c>
      <c r="E49" s="1">
        <v>0.5</v>
      </c>
      <c r="F49">
        <v>52</v>
      </c>
      <c r="G49" s="1">
        <v>0.125</v>
      </c>
      <c r="H49">
        <v>114</v>
      </c>
      <c r="I49" t="s">
        <v>5</v>
      </c>
      <c r="J49">
        <v>0</v>
      </c>
      <c r="K49" t="s">
        <v>5</v>
      </c>
      <c r="L49">
        <v>0</v>
      </c>
      <c r="M49">
        <v>2</v>
      </c>
      <c r="N49">
        <v>1</v>
      </c>
      <c r="O49">
        <v>16</v>
      </c>
      <c r="P49">
        <v>0</v>
      </c>
      <c r="Q49">
        <v>5</v>
      </c>
    </row>
    <row r="50" spans="1:17" x14ac:dyDescent="0.4">
      <c r="A50">
        <v>100</v>
      </c>
      <c r="B50" t="s">
        <v>28</v>
      </c>
      <c r="C50" s="1">
        <v>0.29166666666666669</v>
      </c>
      <c r="D50">
        <v>7</v>
      </c>
      <c r="E50" s="1">
        <v>0.5</v>
      </c>
      <c r="F50">
        <v>7</v>
      </c>
      <c r="G50" s="1">
        <v>0.79166666666666663</v>
      </c>
      <c r="H50">
        <v>7</v>
      </c>
      <c r="I50" s="1">
        <v>0</v>
      </c>
      <c r="J50">
        <v>108</v>
      </c>
      <c r="K50" s="1">
        <v>0.125</v>
      </c>
      <c r="L50">
        <v>108</v>
      </c>
      <c r="M50">
        <v>0</v>
      </c>
      <c r="N50">
        <v>1</v>
      </c>
      <c r="O50">
        <v>1</v>
      </c>
      <c r="P50">
        <v>0</v>
      </c>
      <c r="Q50">
        <v>0</v>
      </c>
    </row>
    <row r="51" spans="1:17" x14ac:dyDescent="0.4">
      <c r="A51">
        <v>101</v>
      </c>
      <c r="B51" t="s">
        <v>29</v>
      </c>
      <c r="C51" s="1">
        <v>0.29166666666666669</v>
      </c>
      <c r="D51">
        <v>8</v>
      </c>
      <c r="E51" s="1">
        <v>0.5</v>
      </c>
      <c r="F51">
        <v>8</v>
      </c>
      <c r="G51" s="1">
        <v>0.75</v>
      </c>
      <c r="H51">
        <v>8</v>
      </c>
      <c r="I51" s="1">
        <v>0</v>
      </c>
      <c r="J51">
        <v>108</v>
      </c>
      <c r="K51" s="1">
        <v>0.125</v>
      </c>
      <c r="L51">
        <v>108</v>
      </c>
      <c r="M51">
        <v>0</v>
      </c>
      <c r="N51">
        <v>1</v>
      </c>
      <c r="O51">
        <v>2</v>
      </c>
      <c r="P51">
        <v>0</v>
      </c>
      <c r="Q51">
        <v>0</v>
      </c>
    </row>
    <row r="52" spans="1:17" x14ac:dyDescent="0.4">
      <c r="A52">
        <v>102</v>
      </c>
      <c r="B52" t="s">
        <v>30</v>
      </c>
      <c r="C52" s="1">
        <v>0.29166666666666669</v>
      </c>
      <c r="D52">
        <v>9</v>
      </c>
      <c r="E52" s="1">
        <v>0.5</v>
      </c>
      <c r="F52">
        <v>9</v>
      </c>
      <c r="G52" s="1">
        <v>0.75</v>
      </c>
      <c r="H52">
        <v>9</v>
      </c>
      <c r="I52" s="1">
        <v>0</v>
      </c>
      <c r="J52">
        <v>108</v>
      </c>
      <c r="K52" s="1">
        <v>0.125</v>
      </c>
      <c r="L52">
        <v>108</v>
      </c>
      <c r="M52">
        <v>0</v>
      </c>
      <c r="N52">
        <v>1</v>
      </c>
      <c r="O52">
        <v>3</v>
      </c>
      <c r="P52">
        <v>0</v>
      </c>
      <c r="Q52">
        <v>0</v>
      </c>
    </row>
    <row r="53" spans="1:17" x14ac:dyDescent="0.4">
      <c r="A53">
        <v>103</v>
      </c>
      <c r="B53" t="s">
        <v>31</v>
      </c>
      <c r="C53" s="1">
        <v>0.29166666666666669</v>
      </c>
      <c r="D53">
        <v>10</v>
      </c>
      <c r="E53" s="1">
        <v>0.5</v>
      </c>
      <c r="F53">
        <v>10</v>
      </c>
      <c r="G53" s="1">
        <v>0.75</v>
      </c>
      <c r="H53">
        <v>10</v>
      </c>
      <c r="I53" s="1">
        <v>0</v>
      </c>
      <c r="J53">
        <v>108</v>
      </c>
      <c r="K53" s="1">
        <v>0.125</v>
      </c>
      <c r="L53">
        <v>108</v>
      </c>
      <c r="M53">
        <v>0</v>
      </c>
      <c r="N53">
        <v>1</v>
      </c>
      <c r="O53">
        <v>4</v>
      </c>
      <c r="P53">
        <v>0</v>
      </c>
      <c r="Q53">
        <v>0</v>
      </c>
    </row>
    <row r="54" spans="1:17" x14ac:dyDescent="0.4">
      <c r="A54">
        <v>104</v>
      </c>
      <c r="B54" t="s">
        <v>32</v>
      </c>
      <c r="C54" s="1">
        <v>0.29166666666666669</v>
      </c>
      <c r="D54">
        <v>108</v>
      </c>
      <c r="E54" s="1">
        <v>0.5</v>
      </c>
      <c r="F54">
        <v>108</v>
      </c>
      <c r="G54" s="1">
        <v>0.75</v>
      </c>
      <c r="H54">
        <v>100</v>
      </c>
      <c r="I54" s="1">
        <v>0</v>
      </c>
      <c r="J54">
        <v>100</v>
      </c>
      <c r="K54" s="1">
        <v>0.125</v>
      </c>
      <c r="L54">
        <v>100</v>
      </c>
      <c r="M54">
        <v>0</v>
      </c>
      <c r="N54">
        <v>1</v>
      </c>
      <c r="O54">
        <v>5</v>
      </c>
      <c r="P54">
        <v>0</v>
      </c>
      <c r="Q54">
        <v>0</v>
      </c>
    </row>
    <row r="55" spans="1:17" x14ac:dyDescent="0.4">
      <c r="A55">
        <v>105</v>
      </c>
      <c r="B55" t="s">
        <v>33</v>
      </c>
      <c r="C55" s="1">
        <v>0.29166666666666669</v>
      </c>
      <c r="D55">
        <v>108</v>
      </c>
      <c r="E55" s="1">
        <v>0.5</v>
      </c>
      <c r="F55">
        <v>108</v>
      </c>
      <c r="G55" s="1">
        <v>0.75</v>
      </c>
      <c r="H55">
        <v>101</v>
      </c>
      <c r="I55" s="1">
        <v>0</v>
      </c>
      <c r="J55">
        <v>101</v>
      </c>
      <c r="K55" s="1">
        <v>0.125</v>
      </c>
      <c r="L55">
        <v>101</v>
      </c>
      <c r="M55">
        <v>0</v>
      </c>
      <c r="N55">
        <v>1</v>
      </c>
      <c r="O55">
        <v>6</v>
      </c>
      <c r="P55">
        <v>0</v>
      </c>
      <c r="Q55">
        <v>4</v>
      </c>
    </row>
    <row r="56" spans="1:17" x14ac:dyDescent="0.4">
      <c r="A56">
        <v>106</v>
      </c>
      <c r="B56" t="s">
        <v>34</v>
      </c>
      <c r="C56" s="1">
        <v>0.29166666666666669</v>
      </c>
      <c r="D56">
        <v>108</v>
      </c>
      <c r="E56" s="1">
        <v>0.5</v>
      </c>
      <c r="F56">
        <v>108</v>
      </c>
      <c r="G56" s="1">
        <v>0.75</v>
      </c>
      <c r="H56">
        <v>102</v>
      </c>
      <c r="I56" s="1">
        <v>0</v>
      </c>
      <c r="J56">
        <v>102</v>
      </c>
      <c r="K56" s="1">
        <v>0.125</v>
      </c>
      <c r="L56">
        <v>102</v>
      </c>
      <c r="M56">
        <v>0</v>
      </c>
      <c r="N56">
        <v>1</v>
      </c>
      <c r="O56">
        <v>7</v>
      </c>
      <c r="P56">
        <v>0</v>
      </c>
      <c r="Q56">
        <v>5</v>
      </c>
    </row>
    <row r="57" spans="1:17" x14ac:dyDescent="0.4">
      <c r="A57">
        <v>107</v>
      </c>
      <c r="B57" t="s">
        <v>35</v>
      </c>
      <c r="C57" s="1">
        <v>0.29166666666666669</v>
      </c>
      <c r="D57">
        <v>108</v>
      </c>
      <c r="E57" s="1">
        <v>0.5</v>
      </c>
      <c r="F57">
        <v>108</v>
      </c>
      <c r="G57" s="1">
        <v>0.75</v>
      </c>
      <c r="H57">
        <v>106</v>
      </c>
      <c r="I57" s="1">
        <v>0</v>
      </c>
      <c r="J57">
        <v>106</v>
      </c>
      <c r="K57" s="1">
        <v>0.125</v>
      </c>
      <c r="L57">
        <v>106</v>
      </c>
      <c r="M57">
        <v>0</v>
      </c>
      <c r="N57">
        <v>1</v>
      </c>
      <c r="O57">
        <v>9</v>
      </c>
      <c r="P57">
        <v>0</v>
      </c>
      <c r="Q57">
        <v>0</v>
      </c>
    </row>
    <row r="58" spans="1:17" x14ac:dyDescent="0.4">
      <c r="A58">
        <v>108</v>
      </c>
      <c r="B58" t="s">
        <v>36</v>
      </c>
      <c r="C58" s="1">
        <v>0.29166666666666669</v>
      </c>
      <c r="D58">
        <v>108</v>
      </c>
      <c r="E58" s="1">
        <v>0.5</v>
      </c>
      <c r="F58">
        <v>108</v>
      </c>
      <c r="G58" s="1">
        <v>0.75</v>
      </c>
      <c r="H58">
        <v>107</v>
      </c>
      <c r="I58" s="1">
        <v>0</v>
      </c>
      <c r="J58">
        <v>107</v>
      </c>
      <c r="K58" s="1">
        <v>0.125</v>
      </c>
      <c r="L58">
        <v>107</v>
      </c>
      <c r="M58">
        <v>0</v>
      </c>
      <c r="N58">
        <v>1</v>
      </c>
      <c r="O58">
        <v>10</v>
      </c>
      <c r="P58">
        <v>0</v>
      </c>
      <c r="Q58">
        <v>4</v>
      </c>
    </row>
    <row r="59" spans="1:17" x14ac:dyDescent="0.4">
      <c r="A59">
        <v>109</v>
      </c>
      <c r="B59" t="s">
        <v>37</v>
      </c>
      <c r="C59" s="1">
        <v>0.29166666666666669</v>
      </c>
      <c r="D59">
        <v>108</v>
      </c>
      <c r="E59" s="1">
        <v>0.5</v>
      </c>
      <c r="F59">
        <v>108</v>
      </c>
      <c r="G59" s="1">
        <v>0.75</v>
      </c>
      <c r="H59">
        <v>109</v>
      </c>
      <c r="I59" s="1">
        <v>0</v>
      </c>
      <c r="J59">
        <v>109</v>
      </c>
      <c r="K59" s="1">
        <v>0.125</v>
      </c>
      <c r="L59">
        <v>109</v>
      </c>
      <c r="M59">
        <v>0</v>
      </c>
      <c r="N59">
        <v>1</v>
      </c>
      <c r="O59">
        <v>11</v>
      </c>
      <c r="P59">
        <v>0</v>
      </c>
      <c r="Q59">
        <v>5</v>
      </c>
    </row>
    <row r="60" spans="1:17" x14ac:dyDescent="0.4">
      <c r="A60">
        <v>110</v>
      </c>
      <c r="B60" t="s">
        <v>38</v>
      </c>
      <c r="C60" s="1">
        <v>0.29166666666666669</v>
      </c>
      <c r="D60">
        <v>108</v>
      </c>
      <c r="E60" s="1">
        <v>0.5</v>
      </c>
      <c r="F60">
        <v>108</v>
      </c>
      <c r="G60" s="1">
        <v>0.75</v>
      </c>
      <c r="H60">
        <v>103</v>
      </c>
      <c r="I60" s="1">
        <v>0.95833333333333337</v>
      </c>
      <c r="J60">
        <v>108</v>
      </c>
      <c r="K60" s="1">
        <v>0.125</v>
      </c>
      <c r="L60">
        <v>108</v>
      </c>
      <c r="M60">
        <v>0</v>
      </c>
      <c r="N60">
        <v>1</v>
      </c>
      <c r="O60">
        <v>11</v>
      </c>
      <c r="P60">
        <v>0</v>
      </c>
      <c r="Q60">
        <v>0</v>
      </c>
    </row>
    <row r="61" spans="1:17" x14ac:dyDescent="0.4">
      <c r="A61">
        <v>111</v>
      </c>
      <c r="B61" t="s">
        <v>39</v>
      </c>
      <c r="C61" s="1">
        <v>0.29166666666666669</v>
      </c>
      <c r="D61">
        <v>108</v>
      </c>
      <c r="E61" s="1">
        <v>0.5</v>
      </c>
      <c r="F61">
        <v>108</v>
      </c>
      <c r="G61" s="1">
        <v>0.75</v>
      </c>
      <c r="H61">
        <v>104</v>
      </c>
      <c r="I61" s="1">
        <v>0.95833333333333337</v>
      </c>
      <c r="J61">
        <v>108</v>
      </c>
      <c r="K61" s="1">
        <v>0.125</v>
      </c>
      <c r="L61">
        <v>108</v>
      </c>
      <c r="M61">
        <v>0</v>
      </c>
      <c r="N61">
        <v>1</v>
      </c>
      <c r="O61">
        <v>12</v>
      </c>
      <c r="P61">
        <v>0</v>
      </c>
      <c r="Q61">
        <v>4</v>
      </c>
    </row>
    <row r="62" spans="1:17" x14ac:dyDescent="0.4">
      <c r="A62">
        <v>112</v>
      </c>
      <c r="B62" t="s">
        <v>40</v>
      </c>
      <c r="C62" s="1">
        <v>0.29166666666666669</v>
      </c>
      <c r="D62">
        <v>108</v>
      </c>
      <c r="E62" s="1">
        <v>0.5</v>
      </c>
      <c r="F62">
        <v>108</v>
      </c>
      <c r="G62" s="1">
        <v>0.75</v>
      </c>
      <c r="H62">
        <v>105</v>
      </c>
      <c r="I62" s="1">
        <v>0.95833333333333337</v>
      </c>
      <c r="J62">
        <v>108</v>
      </c>
      <c r="K62" s="1">
        <v>0.125</v>
      </c>
      <c r="L62">
        <v>108</v>
      </c>
      <c r="M62">
        <v>0</v>
      </c>
      <c r="N62">
        <v>1</v>
      </c>
      <c r="O62">
        <v>8</v>
      </c>
      <c r="P62">
        <v>0</v>
      </c>
      <c r="Q62">
        <v>2</v>
      </c>
    </row>
    <row r="63" spans="1:17" x14ac:dyDescent="0.4">
      <c r="A63">
        <v>113</v>
      </c>
      <c r="B63" t="s">
        <v>28</v>
      </c>
      <c r="C63" s="1">
        <v>0.29166666666666669</v>
      </c>
      <c r="D63">
        <v>110</v>
      </c>
      <c r="E63" s="1">
        <v>0.5</v>
      </c>
      <c r="F63">
        <v>110</v>
      </c>
      <c r="G63" s="1">
        <v>0.75</v>
      </c>
      <c r="H63">
        <v>110</v>
      </c>
      <c r="I63" s="1">
        <v>0</v>
      </c>
      <c r="J63">
        <v>108</v>
      </c>
      <c r="K63" t="s">
        <v>5</v>
      </c>
      <c r="L63">
        <v>0</v>
      </c>
      <c r="M63">
        <v>0</v>
      </c>
      <c r="N63">
        <v>1</v>
      </c>
      <c r="O63">
        <v>0</v>
      </c>
      <c r="P63">
        <v>0</v>
      </c>
      <c r="Q63">
        <v>0</v>
      </c>
    </row>
    <row r="64" spans="1:17" x14ac:dyDescent="0.4">
      <c r="A64">
        <v>114</v>
      </c>
      <c r="B64" t="s">
        <v>29</v>
      </c>
      <c r="C64" s="1">
        <v>0.29166666666666669</v>
      </c>
      <c r="D64">
        <v>111</v>
      </c>
      <c r="E64" s="1">
        <v>0.5</v>
      </c>
      <c r="F64">
        <v>111</v>
      </c>
      <c r="G64" s="1">
        <v>0.75</v>
      </c>
      <c r="H64">
        <v>111</v>
      </c>
      <c r="I64" s="1">
        <v>0</v>
      </c>
      <c r="J64">
        <v>108</v>
      </c>
      <c r="K64" t="s">
        <v>5</v>
      </c>
      <c r="L64">
        <v>0</v>
      </c>
      <c r="M64">
        <v>0</v>
      </c>
      <c r="N64">
        <v>1</v>
      </c>
      <c r="O64">
        <v>0</v>
      </c>
      <c r="P64">
        <v>0</v>
      </c>
      <c r="Q64">
        <v>0</v>
      </c>
    </row>
    <row r="65" spans="1:17" x14ac:dyDescent="0.4">
      <c r="A65">
        <v>115</v>
      </c>
      <c r="B65" t="s">
        <v>30</v>
      </c>
      <c r="C65" s="1">
        <v>0.29166666666666669</v>
      </c>
      <c r="D65">
        <v>112</v>
      </c>
      <c r="E65" s="1">
        <v>0.5</v>
      </c>
      <c r="F65">
        <v>112</v>
      </c>
      <c r="G65" s="1">
        <v>0.75</v>
      </c>
      <c r="H65">
        <v>112</v>
      </c>
      <c r="I65" s="1">
        <v>0</v>
      </c>
      <c r="J65">
        <v>108</v>
      </c>
      <c r="K65" t="s">
        <v>5</v>
      </c>
      <c r="L65">
        <v>0</v>
      </c>
      <c r="M65">
        <v>0</v>
      </c>
      <c r="N65">
        <v>1</v>
      </c>
      <c r="O65">
        <v>0</v>
      </c>
      <c r="P65">
        <v>0</v>
      </c>
      <c r="Q65">
        <v>0</v>
      </c>
    </row>
    <row r="66" spans="1:17" x14ac:dyDescent="0.4">
      <c r="A66">
        <v>116</v>
      </c>
      <c r="B66" t="s">
        <v>41</v>
      </c>
      <c r="C66" s="1">
        <v>0.29166666666666669</v>
      </c>
      <c r="D66">
        <v>108</v>
      </c>
      <c r="E66" s="1">
        <v>0.5</v>
      </c>
      <c r="F66">
        <v>108</v>
      </c>
      <c r="G66" s="1">
        <v>0.75</v>
      </c>
      <c r="H66">
        <v>115</v>
      </c>
      <c r="I66" s="1">
        <v>0</v>
      </c>
      <c r="J66">
        <v>115</v>
      </c>
      <c r="K66" s="1">
        <v>0.125</v>
      </c>
      <c r="L66">
        <v>115</v>
      </c>
      <c r="M66">
        <v>0</v>
      </c>
      <c r="N66">
        <v>1</v>
      </c>
      <c r="O66">
        <v>10</v>
      </c>
      <c r="P66">
        <v>0</v>
      </c>
      <c r="Q66">
        <v>0</v>
      </c>
    </row>
    <row r="67" spans="1:17" x14ac:dyDescent="0.4">
      <c r="A67">
        <v>117</v>
      </c>
      <c r="B67" t="s">
        <v>42</v>
      </c>
      <c r="C67" s="1">
        <v>0.29166666666666669</v>
      </c>
      <c r="D67">
        <v>108</v>
      </c>
      <c r="E67" s="1">
        <v>0.5</v>
      </c>
      <c r="F67">
        <v>108</v>
      </c>
      <c r="G67" s="1">
        <v>0.75</v>
      </c>
      <c r="H67">
        <v>116</v>
      </c>
      <c r="I67" s="1">
        <v>0</v>
      </c>
      <c r="J67">
        <v>116</v>
      </c>
      <c r="K67" s="1">
        <v>0.125</v>
      </c>
      <c r="L67">
        <v>116</v>
      </c>
      <c r="M67">
        <v>0</v>
      </c>
      <c r="N67">
        <v>1</v>
      </c>
      <c r="O67">
        <v>12</v>
      </c>
      <c r="P67">
        <v>0</v>
      </c>
      <c r="Q67">
        <v>3</v>
      </c>
    </row>
    <row r="68" spans="1:17" x14ac:dyDescent="0.4">
      <c r="A68">
        <v>118</v>
      </c>
      <c r="B68" t="s">
        <v>43</v>
      </c>
      <c r="C68" s="1">
        <v>0.29166666666666669</v>
      </c>
      <c r="D68">
        <v>108</v>
      </c>
      <c r="E68" s="1">
        <v>0.5</v>
      </c>
      <c r="F68">
        <v>108</v>
      </c>
      <c r="G68" s="1">
        <v>0.75</v>
      </c>
      <c r="H68">
        <v>117</v>
      </c>
      <c r="I68" s="1">
        <v>0</v>
      </c>
      <c r="J68">
        <v>117</v>
      </c>
      <c r="K68" s="1">
        <v>0.125</v>
      </c>
      <c r="L68">
        <v>117</v>
      </c>
      <c r="M68">
        <v>0</v>
      </c>
      <c r="N68">
        <v>1</v>
      </c>
      <c r="O68">
        <v>8</v>
      </c>
      <c r="P68">
        <v>0</v>
      </c>
      <c r="Q68">
        <v>0</v>
      </c>
    </row>
    <row r="69" spans="1:17" x14ac:dyDescent="0.4">
      <c r="A69">
        <v>119</v>
      </c>
      <c r="B69" t="s">
        <v>44</v>
      </c>
      <c r="C69" s="1">
        <v>0.29166666666666669</v>
      </c>
      <c r="D69">
        <v>108</v>
      </c>
      <c r="E69" s="1">
        <v>0.5</v>
      </c>
      <c r="F69">
        <v>108</v>
      </c>
      <c r="G69" s="1">
        <v>0.75</v>
      </c>
      <c r="H69">
        <v>118</v>
      </c>
      <c r="I69" s="1">
        <v>0</v>
      </c>
      <c r="J69">
        <v>118</v>
      </c>
      <c r="K69" s="1">
        <v>0.125</v>
      </c>
      <c r="L69">
        <v>118</v>
      </c>
      <c r="M69">
        <v>0</v>
      </c>
      <c r="N69">
        <v>1</v>
      </c>
      <c r="O69">
        <v>10</v>
      </c>
      <c r="P69">
        <v>0</v>
      </c>
      <c r="Q69">
        <v>3</v>
      </c>
    </row>
    <row r="70" spans="1:17" x14ac:dyDescent="0.4">
      <c r="A70">
        <v>120</v>
      </c>
      <c r="B70" t="s">
        <v>45</v>
      </c>
      <c r="C70" s="1">
        <v>0.29166666666666669</v>
      </c>
      <c r="D70">
        <v>108</v>
      </c>
      <c r="E70" s="1">
        <v>0.5</v>
      </c>
      <c r="F70">
        <v>108</v>
      </c>
      <c r="G70" s="1">
        <v>0.75</v>
      </c>
      <c r="H70">
        <v>119</v>
      </c>
      <c r="I70" s="1">
        <v>0</v>
      </c>
      <c r="J70">
        <v>119</v>
      </c>
      <c r="K70" s="1">
        <v>0.125</v>
      </c>
      <c r="L70">
        <v>119</v>
      </c>
      <c r="M70">
        <v>0</v>
      </c>
      <c r="N70">
        <v>1</v>
      </c>
      <c r="O70">
        <v>20</v>
      </c>
      <c r="P70">
        <v>0</v>
      </c>
      <c r="Q70">
        <v>0</v>
      </c>
    </row>
    <row r="71" spans="1:17" x14ac:dyDescent="0.4">
      <c r="A71">
        <v>121</v>
      </c>
      <c r="B71" t="s">
        <v>46</v>
      </c>
      <c r="C71" s="1">
        <v>0.29166666666666669</v>
      </c>
      <c r="D71">
        <v>108</v>
      </c>
      <c r="E71" s="1">
        <v>0.5</v>
      </c>
      <c r="F71">
        <v>108</v>
      </c>
      <c r="G71" s="1">
        <v>0.75</v>
      </c>
      <c r="H71">
        <v>120</v>
      </c>
      <c r="I71" s="1">
        <v>0</v>
      </c>
      <c r="J71">
        <v>120</v>
      </c>
      <c r="K71" s="1">
        <v>0.125</v>
      </c>
      <c r="L71">
        <v>120</v>
      </c>
      <c r="M71">
        <v>0</v>
      </c>
      <c r="N71">
        <v>1</v>
      </c>
      <c r="O71">
        <v>22</v>
      </c>
      <c r="P71">
        <v>0</v>
      </c>
      <c r="Q71">
        <v>3</v>
      </c>
    </row>
    <row r="72" spans="1:17" x14ac:dyDescent="0.4">
      <c r="A72">
        <v>122</v>
      </c>
      <c r="B72" t="s">
        <v>47</v>
      </c>
      <c r="C72" s="1">
        <v>0.29166666666666669</v>
      </c>
      <c r="D72">
        <v>108</v>
      </c>
      <c r="E72" s="1">
        <v>0.5</v>
      </c>
      <c r="F72">
        <v>108</v>
      </c>
      <c r="G72" s="1">
        <v>0.75</v>
      </c>
      <c r="H72">
        <v>121</v>
      </c>
      <c r="I72" s="1">
        <v>0</v>
      </c>
      <c r="J72">
        <v>121</v>
      </c>
      <c r="K72" s="1">
        <v>0.125</v>
      </c>
      <c r="L72">
        <v>121</v>
      </c>
      <c r="M72">
        <v>0</v>
      </c>
      <c r="N72">
        <v>1</v>
      </c>
      <c r="O72">
        <v>14</v>
      </c>
      <c r="P72">
        <v>0</v>
      </c>
      <c r="Q72">
        <v>0</v>
      </c>
    </row>
    <row r="73" spans="1:17" x14ac:dyDescent="0.4">
      <c r="A73">
        <v>123</v>
      </c>
      <c r="B73" t="s">
        <v>48</v>
      </c>
      <c r="C73" s="1">
        <v>0.29166666666666669</v>
      </c>
      <c r="D73">
        <v>108</v>
      </c>
      <c r="E73" s="1">
        <v>0.5</v>
      </c>
      <c r="F73">
        <v>108</v>
      </c>
      <c r="G73" s="1">
        <v>0.75</v>
      </c>
      <c r="H73">
        <v>122</v>
      </c>
      <c r="I73" s="1">
        <v>0</v>
      </c>
      <c r="J73">
        <v>122</v>
      </c>
      <c r="K73" s="1">
        <v>0.125</v>
      </c>
      <c r="L73">
        <v>122</v>
      </c>
      <c r="M73">
        <v>0</v>
      </c>
      <c r="N73">
        <v>1</v>
      </c>
      <c r="O73">
        <v>16</v>
      </c>
      <c r="P73">
        <v>0</v>
      </c>
      <c r="Q73">
        <v>3</v>
      </c>
    </row>
    <row r="74" spans="1:17" x14ac:dyDescent="0.4">
      <c r="A74">
        <v>125</v>
      </c>
      <c r="B74" t="s">
        <v>49</v>
      </c>
      <c r="C74" s="1">
        <v>0.29166666666666669</v>
      </c>
      <c r="D74">
        <v>108</v>
      </c>
      <c r="E74" s="1">
        <v>0.5</v>
      </c>
      <c r="F74">
        <v>108</v>
      </c>
      <c r="G74" s="1">
        <v>0.79166666666666663</v>
      </c>
      <c r="H74">
        <v>125</v>
      </c>
      <c r="I74" s="1">
        <v>0</v>
      </c>
      <c r="J74">
        <v>125</v>
      </c>
      <c r="K74" s="1">
        <v>0.125</v>
      </c>
      <c r="L74">
        <v>125</v>
      </c>
      <c r="M74">
        <v>1</v>
      </c>
      <c r="N74">
        <v>1</v>
      </c>
      <c r="O74">
        <v>21</v>
      </c>
      <c r="P74">
        <v>0</v>
      </c>
      <c r="Q74">
        <v>0</v>
      </c>
    </row>
    <row r="75" spans="1:17" x14ac:dyDescent="0.4">
      <c r="A75">
        <v>126</v>
      </c>
      <c r="B75" t="s">
        <v>50</v>
      </c>
      <c r="C75" s="1">
        <v>0.29166666666666669</v>
      </c>
      <c r="D75">
        <v>108</v>
      </c>
      <c r="E75" s="1">
        <v>0.5</v>
      </c>
      <c r="F75">
        <v>108</v>
      </c>
      <c r="G75" s="1">
        <v>0.79166666666666663</v>
      </c>
      <c r="H75">
        <v>126</v>
      </c>
      <c r="I75" s="1">
        <v>0</v>
      </c>
      <c r="J75">
        <v>126</v>
      </c>
      <c r="K75" s="1">
        <v>0.125</v>
      </c>
      <c r="L75">
        <v>126</v>
      </c>
      <c r="M75">
        <v>0</v>
      </c>
      <c r="N75">
        <v>1</v>
      </c>
      <c r="O75">
        <v>12</v>
      </c>
      <c r="P75">
        <v>0</v>
      </c>
      <c r="Q75">
        <v>2</v>
      </c>
    </row>
    <row r="76" spans="1:17" x14ac:dyDescent="0.4">
      <c r="A76">
        <v>127</v>
      </c>
      <c r="B76" t="s">
        <v>51</v>
      </c>
      <c r="C76" s="1">
        <v>0.29166666666666669</v>
      </c>
      <c r="D76">
        <v>127</v>
      </c>
      <c r="E76" s="1">
        <v>0.5</v>
      </c>
      <c r="F76">
        <v>127</v>
      </c>
      <c r="G76" s="1">
        <v>0.875</v>
      </c>
      <c r="H76">
        <v>108</v>
      </c>
      <c r="I76" t="s">
        <v>5</v>
      </c>
      <c r="J76">
        <v>0</v>
      </c>
      <c r="K76" t="s">
        <v>5</v>
      </c>
      <c r="L76">
        <v>0</v>
      </c>
      <c r="M76">
        <v>0</v>
      </c>
      <c r="N76">
        <v>1</v>
      </c>
      <c r="O76">
        <v>1</v>
      </c>
      <c r="P76">
        <v>0</v>
      </c>
      <c r="Q76">
        <v>0</v>
      </c>
    </row>
    <row r="77" spans="1:17" x14ac:dyDescent="0.4">
      <c r="A77">
        <v>128</v>
      </c>
      <c r="B77" t="s">
        <v>52</v>
      </c>
      <c r="C77" s="1">
        <v>0.29166666666666669</v>
      </c>
      <c r="D77">
        <v>128</v>
      </c>
      <c r="E77" s="1">
        <v>0.5</v>
      </c>
      <c r="F77">
        <v>128</v>
      </c>
      <c r="G77" s="1">
        <v>0.875</v>
      </c>
      <c r="H77">
        <v>108</v>
      </c>
      <c r="I77" t="s">
        <v>5</v>
      </c>
      <c r="J77">
        <v>0</v>
      </c>
      <c r="K77" t="s">
        <v>5</v>
      </c>
      <c r="L77">
        <v>0</v>
      </c>
      <c r="M77">
        <v>0</v>
      </c>
      <c r="N77">
        <v>1</v>
      </c>
      <c r="O77">
        <v>2</v>
      </c>
      <c r="P77">
        <v>0</v>
      </c>
      <c r="Q77">
        <v>0</v>
      </c>
    </row>
    <row r="78" spans="1:17" x14ac:dyDescent="0.4">
      <c r="A78">
        <v>129</v>
      </c>
      <c r="B78" t="s">
        <v>53</v>
      </c>
      <c r="C78" s="1">
        <v>0.29166666666666669</v>
      </c>
      <c r="D78">
        <v>129</v>
      </c>
      <c r="E78" s="1">
        <v>0.5</v>
      </c>
      <c r="F78">
        <v>129</v>
      </c>
      <c r="G78" s="1">
        <v>0.875</v>
      </c>
      <c r="H78">
        <v>108</v>
      </c>
      <c r="I78" t="s">
        <v>5</v>
      </c>
      <c r="J78">
        <v>0</v>
      </c>
      <c r="K78" t="s">
        <v>5</v>
      </c>
      <c r="L78">
        <v>0</v>
      </c>
      <c r="M78">
        <v>0</v>
      </c>
      <c r="N78">
        <v>1</v>
      </c>
      <c r="O78">
        <v>3</v>
      </c>
      <c r="P78">
        <v>0</v>
      </c>
      <c r="Q78">
        <v>0</v>
      </c>
    </row>
    <row r="79" spans="1:17" x14ac:dyDescent="0.4">
      <c r="A79">
        <v>130</v>
      </c>
      <c r="B79" t="s">
        <v>54</v>
      </c>
      <c r="C79" s="1">
        <v>0.29166666666666669</v>
      </c>
      <c r="D79">
        <v>130</v>
      </c>
      <c r="E79" s="1">
        <v>0.5</v>
      </c>
      <c r="F79">
        <v>130</v>
      </c>
      <c r="G79" s="1">
        <v>0.875</v>
      </c>
      <c r="H79">
        <v>108</v>
      </c>
      <c r="I79" t="s">
        <v>5</v>
      </c>
      <c r="J79">
        <v>0</v>
      </c>
      <c r="K79" t="s">
        <v>5</v>
      </c>
      <c r="L79">
        <v>0</v>
      </c>
      <c r="M79">
        <v>0</v>
      </c>
      <c r="N79">
        <v>1</v>
      </c>
      <c r="O79">
        <v>4</v>
      </c>
      <c r="P79">
        <v>0</v>
      </c>
      <c r="Q79">
        <v>0</v>
      </c>
    </row>
    <row r="80" spans="1:17" x14ac:dyDescent="0.4">
      <c r="A80">
        <v>131</v>
      </c>
      <c r="B80" t="s">
        <v>55</v>
      </c>
      <c r="C80" s="1">
        <v>0.29166666666666669</v>
      </c>
      <c r="D80">
        <v>108</v>
      </c>
      <c r="E80" s="1">
        <v>0.5</v>
      </c>
      <c r="F80">
        <v>108</v>
      </c>
      <c r="G80" s="1">
        <v>0.79166666666666663</v>
      </c>
      <c r="H80">
        <v>125</v>
      </c>
      <c r="I80" s="1">
        <v>0</v>
      </c>
      <c r="J80">
        <v>125</v>
      </c>
      <c r="K80" s="1">
        <v>0.125</v>
      </c>
      <c r="L80">
        <v>125</v>
      </c>
      <c r="M80">
        <v>2</v>
      </c>
      <c r="N80">
        <v>1</v>
      </c>
      <c r="O80">
        <v>17</v>
      </c>
      <c r="P80">
        <v>0</v>
      </c>
      <c r="Q80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35"/>
  <sheetViews>
    <sheetView workbookViewId="0">
      <selection sqref="A1:F35"/>
    </sheetView>
  </sheetViews>
  <sheetFormatPr defaultRowHeight="18.75" x14ac:dyDescent="0.4"/>
  <sheetData>
    <row r="1" spans="1:6" x14ac:dyDescent="0.4">
      <c r="A1" t="s">
        <v>73</v>
      </c>
      <c r="B1" t="s">
        <v>74</v>
      </c>
      <c r="C1" t="s">
        <v>75</v>
      </c>
      <c r="D1" t="s">
        <v>76</v>
      </c>
      <c r="E1" t="s">
        <v>77</v>
      </c>
      <c r="F1" t="s">
        <v>78</v>
      </c>
    </row>
    <row r="2" spans="1:6" x14ac:dyDescent="0.4">
      <c r="A2">
        <v>1</v>
      </c>
      <c r="B2" s="4" t="s">
        <v>79</v>
      </c>
      <c r="C2">
        <v>12</v>
      </c>
      <c r="D2" s="4"/>
      <c r="F2" s="4"/>
    </row>
    <row r="3" spans="1:6" x14ac:dyDescent="0.4">
      <c r="A3">
        <v>2</v>
      </c>
      <c r="B3" s="4" t="s">
        <v>79</v>
      </c>
      <c r="C3">
        <v>20</v>
      </c>
      <c r="D3" s="4" t="s">
        <v>80</v>
      </c>
      <c r="F3" s="4"/>
    </row>
    <row r="4" spans="1:6" x14ac:dyDescent="0.4">
      <c r="A4">
        <v>3</v>
      </c>
      <c r="B4" s="4" t="s">
        <v>79</v>
      </c>
      <c r="C4">
        <v>5</v>
      </c>
      <c r="D4" s="4" t="s">
        <v>80</v>
      </c>
      <c r="F4" s="4"/>
    </row>
    <row r="5" spans="1:6" x14ac:dyDescent="0.4">
      <c r="A5">
        <v>4</v>
      </c>
      <c r="B5" s="4" t="s">
        <v>79</v>
      </c>
      <c r="C5">
        <v>12</v>
      </c>
      <c r="D5" s="4"/>
      <c r="F5" s="4"/>
    </row>
    <row r="6" spans="1:6" x14ac:dyDescent="0.4">
      <c r="A6">
        <v>5</v>
      </c>
      <c r="B6" s="4" t="s">
        <v>79</v>
      </c>
      <c r="C6">
        <v>5</v>
      </c>
      <c r="D6" s="4" t="s">
        <v>80</v>
      </c>
      <c r="F6" s="4"/>
    </row>
    <row r="7" spans="1:6" x14ac:dyDescent="0.4">
      <c r="A7">
        <v>6</v>
      </c>
      <c r="B7" s="4" t="s">
        <v>79</v>
      </c>
      <c r="C7">
        <v>12</v>
      </c>
      <c r="D7" s="4"/>
      <c r="F7" s="4"/>
    </row>
    <row r="8" spans="1:6" x14ac:dyDescent="0.4">
      <c r="A8">
        <v>7</v>
      </c>
      <c r="B8" s="4" t="s">
        <v>79</v>
      </c>
      <c r="C8">
        <v>5</v>
      </c>
      <c r="D8" s="4" t="s">
        <v>80</v>
      </c>
      <c r="F8" s="4"/>
    </row>
    <row r="9" spans="1:6" x14ac:dyDescent="0.4">
      <c r="A9">
        <v>8</v>
      </c>
      <c r="B9" s="4" t="s">
        <v>79</v>
      </c>
      <c r="C9">
        <v>12</v>
      </c>
      <c r="D9" s="4"/>
      <c r="F9" s="4"/>
    </row>
    <row r="10" spans="1:6" x14ac:dyDescent="0.4">
      <c r="A10">
        <v>9</v>
      </c>
      <c r="B10" s="4" t="s">
        <v>79</v>
      </c>
      <c r="C10">
        <v>5</v>
      </c>
      <c r="D10" s="4" t="s">
        <v>80</v>
      </c>
      <c r="F10" s="4"/>
    </row>
    <row r="11" spans="1:6" x14ac:dyDescent="0.4">
      <c r="A11">
        <v>10</v>
      </c>
      <c r="B11" s="4" t="s">
        <v>79</v>
      </c>
      <c r="C11">
        <v>12</v>
      </c>
      <c r="D11" s="4"/>
      <c r="F11" s="4"/>
    </row>
    <row r="12" spans="1:6" x14ac:dyDescent="0.4">
      <c r="A12">
        <v>11</v>
      </c>
      <c r="B12" s="4" t="s">
        <v>79</v>
      </c>
      <c r="C12">
        <v>5</v>
      </c>
      <c r="D12" s="4" t="s">
        <v>80</v>
      </c>
      <c r="F12" s="4"/>
    </row>
    <row r="13" spans="1:6" x14ac:dyDescent="0.4">
      <c r="A13">
        <v>12</v>
      </c>
      <c r="B13" s="4" t="s">
        <v>79</v>
      </c>
      <c r="C13">
        <v>12</v>
      </c>
      <c r="D13" s="4"/>
      <c r="F13" s="4"/>
    </row>
    <row r="14" spans="1:6" x14ac:dyDescent="0.4">
      <c r="A14">
        <v>13</v>
      </c>
      <c r="B14" s="4" t="s">
        <v>79</v>
      </c>
      <c r="C14">
        <v>12</v>
      </c>
      <c r="D14" s="4"/>
      <c r="F14" s="4"/>
    </row>
    <row r="15" spans="1:6" x14ac:dyDescent="0.4">
      <c r="A15">
        <v>14</v>
      </c>
      <c r="B15" s="4" t="s">
        <v>79</v>
      </c>
      <c r="C15">
        <v>12</v>
      </c>
      <c r="D15" s="4"/>
      <c r="F15" s="4"/>
    </row>
    <row r="16" spans="1:6" x14ac:dyDescent="0.4">
      <c r="A16">
        <v>15</v>
      </c>
      <c r="B16" s="4" t="s">
        <v>79</v>
      </c>
      <c r="C16">
        <v>12</v>
      </c>
      <c r="D16" s="4"/>
      <c r="F16" s="4"/>
    </row>
    <row r="17" spans="1:6" x14ac:dyDescent="0.4">
      <c r="A17">
        <v>16</v>
      </c>
      <c r="B17" s="4" t="s">
        <v>79</v>
      </c>
      <c r="C17">
        <v>12</v>
      </c>
      <c r="D17" s="4"/>
      <c r="F17" s="4"/>
    </row>
    <row r="18" spans="1:6" x14ac:dyDescent="0.4">
      <c r="A18">
        <v>17</v>
      </c>
      <c r="B18" s="4" t="s">
        <v>81</v>
      </c>
      <c r="C18">
        <v>12</v>
      </c>
      <c r="D18" s="4"/>
      <c r="F18" s="4"/>
    </row>
    <row r="19" spans="1:6" x14ac:dyDescent="0.4">
      <c r="B19" s="4"/>
      <c r="D19" s="4"/>
      <c r="E19">
        <v>1</v>
      </c>
      <c r="F19" s="4" t="s">
        <v>56</v>
      </c>
    </row>
    <row r="20" spans="1:6" x14ac:dyDescent="0.4">
      <c r="B20" s="4"/>
      <c r="D20" s="4"/>
      <c r="E20">
        <v>2</v>
      </c>
      <c r="F20" s="4" t="s">
        <v>57</v>
      </c>
    </row>
    <row r="21" spans="1:6" x14ac:dyDescent="0.4">
      <c r="B21" s="4"/>
      <c r="D21" s="4"/>
      <c r="E21">
        <v>3</v>
      </c>
      <c r="F21" s="4" t="s">
        <v>58</v>
      </c>
    </row>
    <row r="22" spans="1:6" x14ac:dyDescent="0.4">
      <c r="B22" s="4"/>
      <c r="D22" s="4"/>
      <c r="E22">
        <v>4</v>
      </c>
      <c r="F22" s="4" t="s">
        <v>59</v>
      </c>
    </row>
    <row r="23" spans="1:6" x14ac:dyDescent="0.4">
      <c r="B23" s="4"/>
      <c r="D23" s="4"/>
      <c r="E23">
        <v>5</v>
      </c>
      <c r="F23" s="4" t="s">
        <v>60</v>
      </c>
    </row>
    <row r="24" spans="1:6" x14ac:dyDescent="0.4">
      <c r="B24" s="4"/>
      <c r="D24" s="4"/>
      <c r="E24">
        <v>6</v>
      </c>
      <c r="F24" s="4" t="s">
        <v>61</v>
      </c>
    </row>
    <row r="25" spans="1:6" x14ac:dyDescent="0.4">
      <c r="B25" s="4"/>
      <c r="D25" s="4"/>
      <c r="E25">
        <v>7</v>
      </c>
      <c r="F25" s="4" t="s">
        <v>62</v>
      </c>
    </row>
    <row r="26" spans="1:6" x14ac:dyDescent="0.4">
      <c r="B26" s="4"/>
      <c r="D26" s="4"/>
      <c r="E26">
        <v>8</v>
      </c>
      <c r="F26" s="4" t="s">
        <v>63</v>
      </c>
    </row>
    <row r="27" spans="1:6" x14ac:dyDescent="0.4">
      <c r="B27" s="4"/>
      <c r="D27" s="4"/>
      <c r="E27">
        <v>9</v>
      </c>
      <c r="F27" s="4" t="s">
        <v>64</v>
      </c>
    </row>
    <row r="28" spans="1:6" x14ac:dyDescent="0.4">
      <c r="B28" s="4"/>
      <c r="D28" s="4"/>
      <c r="E28">
        <v>10</v>
      </c>
      <c r="F28" s="4" t="s">
        <v>65</v>
      </c>
    </row>
    <row r="29" spans="1:6" x14ac:dyDescent="0.4">
      <c r="B29" s="4"/>
      <c r="D29" s="4"/>
      <c r="E29">
        <v>11</v>
      </c>
      <c r="F29" s="4" t="s">
        <v>66</v>
      </c>
    </row>
    <row r="30" spans="1:6" x14ac:dyDescent="0.4">
      <c r="B30" s="4"/>
      <c r="D30" s="4"/>
      <c r="E30">
        <v>12</v>
      </c>
      <c r="F30" s="4" t="s">
        <v>67</v>
      </c>
    </row>
    <row r="31" spans="1:6" x14ac:dyDescent="0.4">
      <c r="B31" s="4"/>
      <c r="D31" s="4"/>
      <c r="E31">
        <v>13</v>
      </c>
      <c r="F31" s="4" t="s">
        <v>68</v>
      </c>
    </row>
    <row r="32" spans="1:6" x14ac:dyDescent="0.4">
      <c r="B32" s="4"/>
      <c r="D32" s="4"/>
      <c r="E32">
        <v>14</v>
      </c>
      <c r="F32" s="4" t="s">
        <v>69</v>
      </c>
    </row>
    <row r="33" spans="2:6" x14ac:dyDescent="0.4">
      <c r="B33" s="4"/>
      <c r="D33" s="4"/>
      <c r="E33">
        <v>15</v>
      </c>
      <c r="F33" s="4" t="s">
        <v>70</v>
      </c>
    </row>
    <row r="34" spans="2:6" x14ac:dyDescent="0.4">
      <c r="B34" s="4"/>
      <c r="D34" s="4"/>
      <c r="E34">
        <v>16</v>
      </c>
      <c r="F34" s="4" t="s">
        <v>71</v>
      </c>
    </row>
    <row r="35" spans="2:6" x14ac:dyDescent="0.4">
      <c r="B35" s="4"/>
      <c r="D35" s="4"/>
      <c r="E35">
        <v>17</v>
      </c>
      <c r="F35" s="4" t="s">
        <v>72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hargePlan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1:29:48Z</dcterms:created>
  <dcterms:modified xsi:type="dcterms:W3CDTF">2024-02-26T04:23:18Z</dcterms:modified>
</cp:coreProperties>
</file>